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C:\Users\s121048\Documents\100_★推進★\B0_含有化学物質報告書\010_報告書作成\"/>
    </mc:Choice>
  </mc:AlternateContent>
  <bookViews>
    <workbookView xWindow="0" yWindow="0" windowWidth="20490" windowHeight="5760" tabRatio="754"/>
  </bookViews>
  <sheets>
    <sheet name="Note" sheetId="42" r:id="rId1"/>
    <sheet name="A.RoHS" sheetId="32" r:id="rId2"/>
    <sheet name="B.Others" sheetId="46" r:id="rId3"/>
    <sheet name="A (appendix). RoHS" sheetId="53" r:id="rId4"/>
    <sheet name="B (appendix). Others" sheetId="37" r:id="rId5"/>
    <sheet name="C. Device" sheetId="57" r:id="rId6"/>
    <sheet name="C (appendix).Device" sheetId="58" r:id="rId7"/>
    <sheet name="Revision Point" sheetId="55" r:id="rId8"/>
    <sheet name="Reference Reg." sheetId="56" r:id="rId9"/>
  </sheets>
  <definedNames>
    <definedName name="_xlnm._FilterDatabase" localSheetId="3" hidden="1">'A (appendix). RoHS'!$A$1:$I$81</definedName>
    <definedName name="_xlnm._FilterDatabase" localSheetId="1" hidden="1">A.RoHS!$A$1:$G$65</definedName>
    <definedName name="_xlnm._FilterDatabase" localSheetId="4" hidden="1">'B (appendix). Others'!$A$1:$I$140</definedName>
    <definedName name="_xlnm._FilterDatabase" localSheetId="6" hidden="1">'C (appendix).Device'!$A$1:$H$64</definedName>
    <definedName name="_xlnm.Print_Area" localSheetId="1">A.RoHS!$A$1:$G$59</definedName>
    <definedName name="_xlnm.Print_Area" localSheetId="4">'B (appendix). Others'!$A$1:$H$148</definedName>
    <definedName name="_xlnm.Print_Area" localSheetId="2">B.Others!$A$1:$G$128</definedName>
    <definedName name="_xlnm.Print_Area" localSheetId="6">'C (appendix).Device'!$A$1:$N$66</definedName>
    <definedName name="_xlnm.Print_Area" localSheetId="5">'C. Device'!$A$1:$N$127</definedName>
    <definedName name="_xlnm.Print_Area" localSheetId="0">Note!$A$1:$E$48</definedName>
    <definedName name="_xlnm.Print_Area" localSheetId="8">'Reference Reg.'!$A$1:$D$88</definedName>
    <definedName name="_xlnm.Print_Area" localSheetId="7">'Revision Point'!$A$1:$E$101</definedName>
    <definedName name="_xlnm.Print_Titles" localSheetId="3">'A (appendix). RoHS'!$1:$1</definedName>
    <definedName name="_xlnm.Print_Titles" localSheetId="1">A.RoHS!$1:$1</definedName>
    <definedName name="_xlnm.Print_Titles" localSheetId="4">'B (appendix). Others'!$1:$1</definedName>
    <definedName name="_xlnm.Print_Titles" localSheetId="2">B.Others!$1:$1</definedName>
    <definedName name="_xlnm.Print_Titles" localSheetId="6">'C (appendix).Device'!$1:$1</definedName>
  </definedNames>
  <calcPr calcId="152511"/>
</workbook>
</file>

<file path=xl/calcChain.xml><?xml version="1.0" encoding="utf-8"?>
<calcChain xmlns="http://schemas.openxmlformats.org/spreadsheetml/2006/main">
  <c r="G1" i="32" l="1"/>
  <c r="I1" i="53" s="1"/>
  <c r="H1" i="37" l="1"/>
  <c r="G1" i="46"/>
</calcChain>
</file>

<file path=xl/sharedStrings.xml><?xml version="1.0" encoding="utf-8"?>
<sst xmlns="http://schemas.openxmlformats.org/spreadsheetml/2006/main" count="1961" uniqueCount="1304">
  <si>
    <t>To: SHARP Corporation</t>
    <phoneticPr fontId="6"/>
  </si>
  <si>
    <t>-</t>
    <phoneticPr fontId="6"/>
  </si>
  <si>
    <t>7(c)-II</t>
    <phoneticPr fontId="6"/>
  </si>
  <si>
    <t>7(c)-I</t>
    <phoneticPr fontId="6"/>
  </si>
  <si>
    <t>Boric acid</t>
  </si>
  <si>
    <t>Beryllium and its compound</t>
  </si>
  <si>
    <t>Azo colorants</t>
  </si>
  <si>
    <t>Polyvinyl Chloride and its copolymer</t>
  </si>
  <si>
    <t>Radioactive substances</t>
  </si>
  <si>
    <t>Fluorinated greenhouse gases (HFC, PFC, SF6)</t>
  </si>
  <si>
    <t>Formaldehyde</t>
  </si>
  <si>
    <t>Perchlorates</t>
  </si>
  <si>
    <t>Arsenic and its compound</t>
  </si>
  <si>
    <t>Dioctyltin (DOT) compounds</t>
  </si>
  <si>
    <t>Chlorinated flame retardants</t>
  </si>
  <si>
    <t>Banned</t>
  </si>
  <si>
    <t>Usable</t>
  </si>
  <si>
    <t>No.</t>
  </si>
  <si>
    <t>Used less than 0.2% by weight in glass of fluorescent tubes.</t>
  </si>
  <si>
    <t>Using Beryllium oxide.</t>
  </si>
  <si>
    <t>Used in the other than the following (3).</t>
  </si>
  <si>
    <t xml:space="preserve">Used in the exception items. </t>
  </si>
  <si>
    <t>Used in the other than the above (1).</t>
  </si>
  <si>
    <t>Used other than the above (1).</t>
  </si>
  <si>
    <t>Using "Krypton 85" in the electric bulb for a LCD projector.</t>
  </si>
  <si>
    <t>Used in the other than the following (2).</t>
  </si>
  <si>
    <t xml:space="preserve">Use for the refrigerant and/or the thermal insulator (HFC only). </t>
  </si>
  <si>
    <t xml:space="preserve">Used in wooden parts. </t>
  </si>
  <si>
    <t>Contained less than 6ppb by weight per battery.</t>
  </si>
  <si>
    <t>Used in parts which continuously contact with human skin for a long time.</t>
  </si>
  <si>
    <t>Used in products for children 12 and under, containing lead exceeding 0.01wt% per armored part.</t>
  </si>
  <si>
    <t>Used in parts/material used in toys, containing lead above 0.009% per surface treatment layer such as coating.</t>
  </si>
  <si>
    <t>Used in electrical and electronic components in a glass or ceramic other than dielectric ceramic in capacitors, e.g. piezoelectronic devices, or in a glass or ceramic matrix compound</t>
  </si>
  <si>
    <t>Used in solder for connecting semiconductor dies and carriers in flip chip IC packages.</t>
  </si>
  <si>
    <t>Used in dielectric ceramic used in a capacitor with rated voltage of 125V AC or 250V DC or larger.</t>
  </si>
  <si>
    <t>Used in cold cathode fluorescent lamps and external electrode fluorescent lamps (CCFL and EEFL) for special purposes (per lamp):</t>
  </si>
  <si>
    <t>Used in other discharge lamps for special purposes specified in of EU RoHS directive Annex III 4(f) (2011/65/EU).</t>
  </si>
  <si>
    <t>Used in every application other than the above (1). (Used in a part which does not continuously contact with human body)</t>
  </si>
  <si>
    <t>Used in packaging material and packaging part for Sharp product.</t>
  </si>
  <si>
    <t xml:space="preserve">Used in photoresists and antireflection coating for the photolithography process. </t>
  </si>
  <si>
    <t>Used in photo coating used in printing plates, film, and documents.</t>
  </si>
  <si>
    <t>Used in mist suppressants for hard chrome plating, and moistening agent used in equipment for plating.</t>
  </si>
  <si>
    <t>Contained above 6ppb by weight per battery. (Necessary to caution on operation manual)</t>
  </si>
  <si>
    <t>Used in the lamp of LCD projector. (Diarsenic trioxide)</t>
  </si>
  <si>
    <t>It is difficult to substitute, and a permission from the adoption decision department in Sharp was obtained.</t>
  </si>
  <si>
    <t>Used in products for children 12 and under or home furnishings covered with fiver.</t>
  </si>
  <si>
    <t>Diisobutyl phthalate (DIBP)</t>
  </si>
  <si>
    <t>Perfluorooctane sulfonate (PFOSs) *2)</t>
  </si>
  <si>
    <t>Perfluorooctanoic acid (PFOA) and its salts and esters of PFOA *3)</t>
  </si>
  <si>
    <t>[regulated by the Montreal Protocol (Class I and II)] *1)</t>
  </si>
  <si>
    <t>Polychlorinated biphenyls (PCBs) and specific substitutes</t>
  </si>
  <si>
    <t>Hexavalent chromium compound *2)</t>
  </si>
  <si>
    <t xml:space="preserve">Content is 1000ppm or less.  However, content is less than 3ppm of the dry weight of the leather in leather articles and parts coming into contact with the skin. </t>
  </si>
  <si>
    <t>Polybrominated biphenyls (PBBs)</t>
  </si>
  <si>
    <t>Content is 1000ppm or less.</t>
  </si>
  <si>
    <t>Polybrominated diphenyl ethers (PBDEs)</t>
  </si>
  <si>
    <t>Bis(2-ethylhexyl)phthalate (DEHP), Dibutyl phthalate (DBP), Bis(butylbenzyl) phthalate (BBP)</t>
  </si>
  <si>
    <t>Cadmium and its  compound *2)</t>
  </si>
  <si>
    <t>Content is 100ppm or less.  Regarding batteries, complying with the EU Battery Directive (2006/66/EC, 2013/56/EU).</t>
  </si>
  <si>
    <t>Lead and its compound *2)</t>
  </si>
  <si>
    <t>Mercury and its compound *2)</t>
  </si>
  <si>
    <t>Content is 1000ppm or less.  Regarding batteries, complying with the EU Battery Directive (2006/66/EC, 2013/56/EU).</t>
  </si>
  <si>
    <t>Tributyl Tin Oxide (TBTO)</t>
  </si>
  <si>
    <t>Content is 1000ppm or less.  Not intentionally added.</t>
  </si>
  <si>
    <t>Tri-substituted organostannic compounds</t>
  </si>
  <si>
    <t>Not intentionally added.</t>
  </si>
  <si>
    <t>Short chain chlorinated paraffin</t>
  </si>
  <si>
    <t>Not intentionally added. (Only C:10-13 are subject to the regulation.)</t>
  </si>
  <si>
    <t>Asbestos</t>
  </si>
  <si>
    <t>Polychlorinated Terphenyls (PCTs)</t>
  </si>
  <si>
    <t>Content is 50ppm or less.  Not intentionally added.</t>
  </si>
  <si>
    <t>Cobalt dichloride</t>
  </si>
  <si>
    <t>Dimethyl fumarate</t>
  </si>
  <si>
    <t>Content is 0.1ppm or less.  Not intentionally added.</t>
  </si>
  <si>
    <t>Refractory Ceramic Fibers, Aluminosilicate</t>
  </si>
  <si>
    <t>Refractory Ceramic Fibers, Zirconia Aluminosilicate</t>
  </si>
  <si>
    <t>Dibutyltin (DBT) compounds</t>
  </si>
  <si>
    <t>Content is 1000ppm or less by weight of tin in a material.</t>
  </si>
  <si>
    <t xml:space="preserve">Not intentionally added. </t>
  </si>
  <si>
    <t>Not intentionally added.  (Only battery is targeted by this survey. No response is necessary except battery)</t>
  </si>
  <si>
    <t>Not intentionally added, and content of coating agent is less than1μg/m2 and content of the others is 1000ppm or less.</t>
  </si>
  <si>
    <t>Ozone-depleting substances</t>
  </si>
  <si>
    <t xml:space="preserve">Not contained in part/materials. </t>
  </si>
  <si>
    <t>Using printed wiring boards (PWBs) in the product</t>
  </si>
  <si>
    <t>Disodium tetraborate, anhydrous, Tetraboron disodium heptaoxide, hydrate</t>
    <phoneticPr fontId="6"/>
  </si>
  <si>
    <t>Wood component: atmospheric concentration is 0.1ppm or less (by the chamber method).
Plastics/fibers: content is 75ppm or less.</t>
    <phoneticPr fontId="6"/>
  </si>
  <si>
    <t>Not used in the rinse process. (If the result in the item (2) is YES only, answer this item)
(Even if "Not used" is selected, that means you didn't use these substances to rinse process, describe rinse solution and method of the rinse process.)</t>
    <phoneticPr fontId="6"/>
  </si>
  <si>
    <t>On EU Directive on Packaging etc., for packaging part and packaging material, the total concentration of these four heavy metals in part/material, ink and paint which constitute a package is100ppm or less each.</t>
    <phoneticPr fontId="6"/>
  </si>
  <si>
    <t>Unit for calculating content rate is homogeneous material if not otherwise specified.</t>
    <phoneticPr fontId="6"/>
  </si>
  <si>
    <t>As for "Perfluorooctane sulfonate (PFOSs) and its salt", Scoped substances CAS No. (1763-23-1, 307-35-7, 29457-72-5, 2795-39-3).</t>
    <phoneticPr fontId="6"/>
  </si>
  <si>
    <t>Total content of substances with following CAS No. (335-67-1, 3825-26-1, 335-95-5, 2395-00-8, 335-93-3, 335-66-0, 376-27-2, 3108-24-5).</t>
    <phoneticPr fontId="6"/>
  </si>
  <si>
    <t>Scoped substances CAS No. (50-32-8, 192-97-2, 56-55-3, 218-01-9, 205-99-2, 205-82-3, 207-08-9, 53-70-3).</t>
    <phoneticPr fontId="6"/>
  </si>
  <si>
    <t>Regarding Ozone-depleting substances, scoped substances are CFC, 1,1,1-trichloroethane, Carbon tetrachloride, Bromochloromethane, Halon, HBFC and HCFC.</t>
    <phoneticPr fontId="6"/>
  </si>
  <si>
    <t>Presence of banned substances in the product</t>
    <phoneticPr fontId="6"/>
  </si>
  <si>
    <t>Presence of banned substances depending on application</t>
    <phoneticPr fontId="6"/>
  </si>
  <si>
    <t>Ozone-depleting substances contained in the product or used in manufacturing</t>
    <phoneticPr fontId="6"/>
  </si>
  <si>
    <t>-</t>
  </si>
  <si>
    <t>8(b)</t>
  </si>
  <si>
    <t>7(a)</t>
  </si>
  <si>
    <t>5(b)</t>
  </si>
  <si>
    <t>6(a)</t>
  </si>
  <si>
    <t>6(b)</t>
  </si>
  <si>
    <t>6(c)</t>
  </si>
  <si>
    <t>13(a)</t>
  </si>
  <si>
    <t>3(a)</t>
  </si>
  <si>
    <t>3(b)</t>
  </si>
  <si>
    <t>3(c)</t>
  </si>
  <si>
    <t>4(e)</t>
  </si>
  <si>
    <t>4(f)</t>
  </si>
  <si>
    <t>Used in rubber or plastic components that come into direct as well as prolonged or shortterm repetitive contact with the human skin or the oral cavity.</t>
  </si>
  <si>
    <t>Used in a direct human body contact part of a product which is intended to continuously contact with human body. _x000D_
 (e.g.: electric carpet, earphone, strap and etc.)</t>
  </si>
  <si>
    <t>Used in the other than the following (2)-(3).</t>
    <phoneticPr fontId="6"/>
  </si>
  <si>
    <t>Used in the other than the following (2)-(4).</t>
    <phoneticPr fontId="6"/>
  </si>
  <si>
    <t>Used in the other than the above (1)-(2).</t>
    <phoneticPr fontId="6"/>
  </si>
  <si>
    <t>Used in high-melting point solder (lead-based alloys containing 85 % by weight or more lead).</t>
    <phoneticPr fontId="6"/>
  </si>
  <si>
    <t>7(c)-IV</t>
    <phoneticPr fontId="6"/>
  </si>
  <si>
    <t>Used in PTZ-based dielectric ceramic materials in a capacitor part of an IC chip or a discrete semiconductor. (single function semiconductor)</t>
    <phoneticPr fontId="6"/>
  </si>
  <si>
    <t>Diisononyl Phthalate:DINP, Diisodecyl phthalate:DIDP or Di-n-octyl phthalate:DNOP is used in parts/materials that is used in products for children 12 and under (over 1000ppm in total).</t>
    <phoneticPr fontId="6"/>
  </si>
  <si>
    <t>Used for two-component room temperature vulcanisation moulding kits (RTV-2 moulding kits).</t>
    <phoneticPr fontId="6"/>
  </si>
  <si>
    <t xml:space="preserve">   The number of this column is that of an exempted application of EU RoHS directive Annex III (2011/65/EU) .</t>
    <phoneticPr fontId="6"/>
  </si>
  <si>
    <t xml:space="preserve"> A (appendix). RoHS </t>
  </si>
  <si>
    <t xml:space="preserve"> B (appendix). Others</t>
  </si>
  <si>
    <t>B.Others</t>
  </si>
  <si>
    <t>A.RoHS</t>
    <phoneticPr fontId="6"/>
  </si>
  <si>
    <t>Hexabromocyclododecane (HBCDD)</t>
    <phoneticPr fontId="6"/>
  </si>
  <si>
    <t>Phthalates other than the four4 RoHS-related Phthalates.</t>
  </si>
  <si>
    <t>Content is less than 1ppm regarding target  PAHs *4).</t>
  </si>
  <si>
    <t>&lt; Yes / No &gt;</t>
  </si>
  <si>
    <t>&lt; AnnexIII                  / AnnexIV &gt;</t>
  </si>
  <si>
    <t>Used in every application other than the following (2)-(5).</t>
    <phoneticPr fontId="6"/>
  </si>
  <si>
    <t>&lt; Applicable                  / Not Applicable &gt;</t>
  </si>
  <si>
    <t>Note) When "Not Applicable" and/or "Used" is selected on the Result, the part or material is prohibited by the SHARP standard.</t>
  </si>
  <si>
    <t>Polychlorinated naphthalenes</t>
    <phoneticPr fontId="6"/>
  </si>
  <si>
    <t>Not intentionally added.  (Chlorine atom 1-8 are subject to the regulation.)</t>
    <phoneticPr fontId="6"/>
  </si>
  <si>
    <t>Polycyclic aromatic hydrocarbons (PAHs)</t>
    <phoneticPr fontId="6"/>
  </si>
  <si>
    <t>Using exemptions listed in EU RoHS directive other than above and having permission from adoption decision.</t>
    <phoneticPr fontId="6"/>
  </si>
  <si>
    <t>- 1/3 -</t>
    <phoneticPr fontId="6"/>
  </si>
  <si>
    <t>- 2/3 -</t>
    <phoneticPr fontId="6"/>
  </si>
  <si>
    <t>- 3/3 -</t>
    <phoneticPr fontId="6"/>
  </si>
  <si>
    <t>- 1/1 -</t>
    <phoneticPr fontId="6"/>
  </si>
  <si>
    <t>- 1/2 -</t>
    <phoneticPr fontId="6"/>
  </si>
  <si>
    <t>- 2/2 -</t>
    <phoneticPr fontId="6"/>
  </si>
  <si>
    <t>Phenol,2-(2H-benzotriazol-2-yl)-4,6-bis(1,1-dimethylethyl)</t>
    <phoneticPr fontId="6"/>
  </si>
  <si>
    <t>(                                                                                                                                                                                                        )</t>
    <phoneticPr fontId="6"/>
  </si>
  <si>
    <t>&lt; Used / Not Used &gt;</t>
  </si>
  <si>
    <r>
      <t>A. RoHS</t>
    </r>
    <r>
      <rPr>
        <b/>
        <u/>
        <sz val="13"/>
        <rFont val="SimHei"/>
        <family val="3"/>
      </rPr>
      <t>相关／</t>
    </r>
    <r>
      <rPr>
        <b/>
        <u/>
        <sz val="9"/>
        <rFont val="Arial"/>
        <family val="2"/>
      </rPr>
      <t>RoHS-related</t>
    </r>
    <rPh sb="7" eb="9">
      <t>カンレン</t>
    </rPh>
    <phoneticPr fontId="6"/>
  </si>
  <si>
    <r>
      <rPr>
        <sz val="11"/>
        <rFont val="SimHei"/>
        <family val="3"/>
      </rPr>
      <t>至</t>
    </r>
    <r>
      <rPr>
        <sz val="11"/>
        <rFont val="Arial"/>
        <family val="2"/>
      </rPr>
      <t xml:space="preserve"> </t>
    </r>
    <r>
      <rPr>
        <sz val="11"/>
        <rFont val="SimHei"/>
        <family val="3"/>
      </rPr>
      <t>夏普株式会社</t>
    </r>
    <rPh sb="0" eb="1">
      <t>イタル</t>
    </rPh>
    <rPh sb="2" eb="3">
      <t>ナツ</t>
    </rPh>
    <rPh sb="3" eb="4">
      <t>ススム</t>
    </rPh>
    <rPh sb="4" eb="8">
      <t>カブシキガイシャ</t>
    </rPh>
    <phoneticPr fontId="6"/>
  </si>
  <si>
    <r>
      <rPr>
        <b/>
        <sz val="11"/>
        <rFont val="SimHei"/>
        <family val="3"/>
      </rPr>
      <t>调查确认产品／</t>
    </r>
    <r>
      <rPr>
        <b/>
        <sz val="9"/>
        <rFont val="Arial"/>
        <family val="2"/>
      </rPr>
      <t>Information on surveyed product</t>
    </r>
    <phoneticPr fontId="6"/>
  </si>
  <si>
    <r>
      <rPr>
        <sz val="11"/>
        <rFont val="SimHei"/>
        <family val="3"/>
      </rPr>
      <t>制作日期／</t>
    </r>
    <r>
      <rPr>
        <sz val="9"/>
        <rFont val="Arial"/>
        <family val="2"/>
      </rPr>
      <t>Date (yyyy/mm/dd)</t>
    </r>
    <rPh sb="0" eb="2">
      <t>セイサク</t>
    </rPh>
    <rPh sb="2" eb="3">
      <t>ニチ</t>
    </rPh>
    <rPh sb="3" eb="4">
      <t>キ</t>
    </rPh>
    <phoneticPr fontId="3"/>
  </si>
  <si>
    <r>
      <rPr>
        <sz val="11"/>
        <rFont val="SimHei"/>
        <family val="3"/>
      </rPr>
      <t>公司名称／</t>
    </r>
    <r>
      <rPr>
        <sz val="9"/>
        <rFont val="Arial"/>
        <family val="2"/>
      </rPr>
      <t>Company Name</t>
    </r>
    <rPh sb="0" eb="2">
      <t>コウシ</t>
    </rPh>
    <rPh sb="2" eb="4">
      <t>メイショウ</t>
    </rPh>
    <phoneticPr fontId="11"/>
  </si>
  <si>
    <r>
      <rPr>
        <sz val="11"/>
        <rFont val="SimHei"/>
        <family val="3"/>
      </rPr>
      <t>部门名称／</t>
    </r>
    <r>
      <rPr>
        <sz val="9"/>
        <rFont val="Arial"/>
        <family val="2"/>
      </rPr>
      <t>Department</t>
    </r>
    <phoneticPr fontId="6"/>
  </si>
  <si>
    <r>
      <rPr>
        <sz val="11"/>
        <rFont val="SimHei"/>
        <family val="3"/>
      </rPr>
      <t>确认结果／</t>
    </r>
    <r>
      <rPr>
        <sz val="9"/>
        <rFont val="Arial"/>
        <family val="2"/>
      </rPr>
      <t>Result</t>
    </r>
    <phoneticPr fontId="6"/>
  </si>
  <si>
    <r>
      <rPr>
        <sz val="10.5"/>
        <rFont val="SimHei"/>
        <family val="3"/>
      </rPr>
      <t>臭氧层破坏物质</t>
    </r>
    <r>
      <rPr>
        <sz val="10.5"/>
        <rFont val="Arial"/>
        <family val="2"/>
      </rPr>
      <t xml:space="preserve"> </t>
    </r>
    <phoneticPr fontId="6"/>
  </si>
  <si>
    <r>
      <rPr>
        <sz val="11"/>
        <rFont val="SimHei"/>
        <family val="3"/>
      </rPr>
      <t>关于「</t>
    </r>
    <r>
      <rPr>
        <sz val="11"/>
        <rFont val="Arial"/>
        <family val="2"/>
      </rPr>
      <t>Not Applicable</t>
    </r>
    <r>
      <rPr>
        <sz val="11"/>
        <rFont val="SimHei"/>
        <family val="3"/>
      </rPr>
      <t>」的項目，第</t>
    </r>
    <r>
      <rPr>
        <sz val="11"/>
        <rFont val="Arial"/>
        <family val="2"/>
      </rPr>
      <t>A2</t>
    </r>
    <r>
      <rPr>
        <sz val="11"/>
        <rFont val="SimHei"/>
        <family val="3"/>
      </rPr>
      <t>项的确认结果，根据下记的判定基准确认结果，该当项目的</t>
    </r>
    <r>
      <rPr>
        <sz val="11"/>
        <rFont val="宋体"/>
        <family val="3"/>
        <charset val="134"/>
      </rPr>
      <t>｢</t>
    </r>
    <r>
      <rPr>
        <sz val="11"/>
        <rFont val="SimHei"/>
        <family val="3"/>
      </rPr>
      <t>确认结果</t>
    </r>
    <r>
      <rPr>
        <sz val="11"/>
        <rFont val="宋体"/>
        <family val="3"/>
        <charset val="134"/>
      </rPr>
      <t>｣</t>
    </r>
    <r>
      <rPr>
        <sz val="11"/>
        <rFont val="SimHei"/>
        <family val="3"/>
      </rPr>
      <t>栏里以（</t>
    </r>
    <r>
      <rPr>
        <sz val="11"/>
        <rFont val="Arial"/>
        <family val="2"/>
      </rPr>
      <t>X</t>
    </r>
    <r>
      <rPr>
        <sz val="11"/>
        <rFont val="SimHei"/>
        <family val="3"/>
      </rPr>
      <t>）表示／</t>
    </r>
    <rPh sb="0" eb="1">
      <t>ダイ</t>
    </rPh>
    <rPh sb="3" eb="4">
      <t>コウ</t>
    </rPh>
    <rPh sb="5" eb="7">
      <t>カクニン</t>
    </rPh>
    <rPh sb="7" eb="9">
      <t>ケッカ</t>
    </rPh>
    <rPh sb="27" eb="29">
      <t>コウモク</t>
    </rPh>
    <rPh sb="51" eb="53">
      <t>ガイトウ</t>
    </rPh>
    <rPh sb="55" eb="57">
      <t>コウモク</t>
    </rPh>
    <phoneticPr fontId="6"/>
  </si>
  <si>
    <r>
      <rPr>
        <sz val="10"/>
        <rFont val="SimHei"/>
        <family val="3"/>
      </rPr>
      <t>化学物质名称</t>
    </r>
  </si>
  <si>
    <r>
      <rPr>
        <sz val="10"/>
        <rFont val="SimHei"/>
        <family val="3"/>
      </rPr>
      <t>化学物质名称</t>
    </r>
    <phoneticPr fontId="6"/>
  </si>
  <si>
    <r>
      <rPr>
        <sz val="10.5"/>
        <rFont val="SimHei"/>
        <family val="3"/>
      </rPr>
      <t>三丁基锡＝环氧（</t>
    </r>
    <r>
      <rPr>
        <sz val="10.5"/>
        <rFont val="Arial"/>
        <family val="2"/>
      </rPr>
      <t>TBTO</t>
    </r>
    <r>
      <rPr>
        <sz val="10.5"/>
        <rFont val="SimHei"/>
        <family val="3"/>
      </rPr>
      <t>）</t>
    </r>
    <phoneticPr fontId="6"/>
  </si>
  <si>
    <r>
      <rPr>
        <sz val="11"/>
        <rFont val="SimHei"/>
        <family val="3"/>
      </rPr>
      <t>含有量在</t>
    </r>
    <r>
      <rPr>
        <sz val="11"/>
        <rFont val="Arial"/>
        <family val="2"/>
      </rPr>
      <t>1000ppm</t>
    </r>
    <r>
      <rPr>
        <sz val="11"/>
        <rFont val="SimHei"/>
        <family val="3"/>
      </rPr>
      <t>以下。另外，关于电池须符合</t>
    </r>
    <r>
      <rPr>
        <sz val="11"/>
        <rFont val="Arial"/>
        <family val="2"/>
      </rPr>
      <t>EU</t>
    </r>
    <r>
      <rPr>
        <sz val="11"/>
        <rFont val="SimHei"/>
        <family val="3"/>
      </rPr>
      <t>电池指令（</t>
    </r>
    <r>
      <rPr>
        <sz val="11"/>
        <rFont val="Arial"/>
        <family val="2"/>
      </rPr>
      <t>2006/66/EC</t>
    </r>
    <r>
      <rPr>
        <sz val="11"/>
        <rFont val="SimHei"/>
        <family val="3"/>
      </rPr>
      <t>、</t>
    </r>
    <r>
      <rPr>
        <sz val="11"/>
        <rFont val="Arial"/>
        <family val="2"/>
      </rPr>
      <t>2013/56/EU</t>
    </r>
    <r>
      <rPr>
        <sz val="11"/>
        <rFont val="SimHei"/>
        <family val="3"/>
      </rPr>
      <t>）／</t>
    </r>
    <phoneticPr fontId="6"/>
  </si>
  <si>
    <r>
      <rPr>
        <sz val="10"/>
        <rFont val="SimHei"/>
        <family val="3"/>
      </rPr>
      <t>←</t>
    </r>
    <phoneticPr fontId="6"/>
  </si>
  <si>
    <r>
      <t xml:space="preserve">B3. </t>
    </r>
    <r>
      <rPr>
        <sz val="10"/>
        <rFont val="SimHei"/>
        <family val="3"/>
      </rPr>
      <t>臭氧层破坏物质</t>
    </r>
    <r>
      <rPr>
        <sz val="10"/>
        <rFont val="Arial"/>
        <family val="2"/>
      </rPr>
      <t xml:space="preserve"> </t>
    </r>
    <phoneticPr fontId="6"/>
  </si>
  <si>
    <t xml:space="preserve">Content is 1000ppm or less regarding other than following four phthalates. 
Bis(2-ethylhexyl)phthalate:DEHP, Dibutyl phthalate: DBP, Bis(butylbenzyl) phthalate: BBP, Diisobutyl phthalate: DIBP, </t>
    <phoneticPr fontId="6"/>
  </si>
  <si>
    <r>
      <rPr>
        <sz val="10"/>
        <rFont val="SimHei"/>
        <family val="3"/>
      </rPr>
      <t>表单</t>
    </r>
  </si>
  <si>
    <r>
      <rPr>
        <sz val="10"/>
        <rFont val="SimHei"/>
        <family val="3"/>
      </rPr>
      <t>内容</t>
    </r>
    <phoneticPr fontId="6"/>
  </si>
  <si>
    <r>
      <t xml:space="preserve"> A1. </t>
    </r>
    <r>
      <rPr>
        <sz val="10"/>
        <rFont val="SimHei"/>
        <family val="3"/>
      </rPr>
      <t>关于产品中全面禁止使用化学物质的含有情况</t>
    </r>
  </si>
  <si>
    <r>
      <t xml:space="preserve"> A2. </t>
    </r>
    <r>
      <rPr>
        <sz val="10"/>
        <rFont val="SimHei"/>
        <family val="3"/>
      </rPr>
      <t>关于产品中根据条件禁止使用化学物质的含有情况</t>
    </r>
  </si>
  <si>
    <r>
      <t xml:space="preserve"> B1. </t>
    </r>
    <r>
      <rPr>
        <sz val="10"/>
        <rFont val="SimHei"/>
        <family val="3"/>
      </rPr>
      <t>关于产品中全面禁止使用化学物质的含有情况</t>
    </r>
  </si>
  <si>
    <r>
      <t xml:space="preserve"> B2. </t>
    </r>
    <r>
      <rPr>
        <sz val="10"/>
        <rFont val="SimHei"/>
        <family val="3"/>
      </rPr>
      <t>关于产品中根据条件禁止使用化学物质的含有情况</t>
    </r>
  </si>
  <si>
    <r>
      <t xml:space="preserve"> B3. </t>
    </r>
    <r>
      <rPr>
        <sz val="10"/>
        <rFont val="SimHei"/>
        <family val="3"/>
      </rPr>
      <t>关于产品中臭氧层破坏物质的含有情况以及制造工程中有无使用</t>
    </r>
  </si>
  <si>
    <r>
      <t xml:space="preserve"> A2-</t>
    </r>
    <r>
      <rPr>
        <sz val="10"/>
        <rFont val="SimHei"/>
        <family val="3"/>
      </rPr>
      <t>附表</t>
    </r>
  </si>
  <si>
    <r>
      <t xml:space="preserve"> B2-</t>
    </r>
    <r>
      <rPr>
        <sz val="10"/>
        <rFont val="SimHei"/>
        <family val="3"/>
      </rPr>
      <t>附表</t>
    </r>
  </si>
  <si>
    <r>
      <rPr>
        <sz val="10"/>
        <rFont val="SimHei"/>
        <family val="3"/>
      </rPr>
      <t>输入（填写）项目</t>
    </r>
    <rPh sb="0" eb="2">
      <t>ニュウリョク</t>
    </rPh>
    <rPh sb="3" eb="5">
      <t>キニュウ</t>
    </rPh>
    <rPh sb="6" eb="8">
      <t>コウモク</t>
    </rPh>
    <phoneticPr fontId="6"/>
  </si>
  <si>
    <r>
      <rPr>
        <sz val="10"/>
        <rFont val="SimHei"/>
        <family val="3"/>
      </rPr>
      <t>公司名称</t>
    </r>
    <r>
      <rPr>
        <sz val="10"/>
        <rFont val="ＭＳ Ｐゴシック"/>
        <family val="3"/>
        <charset val="128"/>
      </rPr>
      <t>・</t>
    </r>
    <r>
      <rPr>
        <sz val="10"/>
        <rFont val="SimHei"/>
        <family val="3"/>
      </rPr>
      <t>部门名称</t>
    </r>
    <phoneticPr fontId="6"/>
  </si>
  <si>
    <r>
      <rPr>
        <sz val="10"/>
        <rFont val="SimHei"/>
        <family val="3"/>
      </rPr>
      <t>項目</t>
    </r>
    <rPh sb="0" eb="2">
      <t>コウモク</t>
    </rPh>
    <phoneticPr fontId="6"/>
  </si>
  <si>
    <r>
      <rPr>
        <sz val="10"/>
        <rFont val="SimHei"/>
        <family val="3"/>
      </rPr>
      <t>入力（記入）内容</t>
    </r>
    <rPh sb="6" eb="8">
      <t>ナイヨウ</t>
    </rPh>
    <phoneticPr fontId="6"/>
  </si>
  <si>
    <r>
      <rPr>
        <sz val="10"/>
        <rFont val="SimHei"/>
        <family val="3"/>
      </rPr>
      <t>本报告书由以下表单构成：</t>
    </r>
    <rPh sb="0" eb="1">
      <t>ホン</t>
    </rPh>
    <rPh sb="1" eb="4">
      <t>ホウコクショ</t>
    </rPh>
    <rPh sb="5" eb="7">
      <t>イカコウセイ</t>
    </rPh>
    <phoneticPr fontId="3"/>
  </si>
  <si>
    <r>
      <t>3</t>
    </r>
    <r>
      <rPr>
        <sz val="10"/>
        <rFont val="SimHei"/>
        <family val="3"/>
      </rPr>
      <t>）</t>
    </r>
    <r>
      <rPr>
        <sz val="10"/>
        <rFont val="Arial"/>
        <family val="2"/>
      </rPr>
      <t xml:space="preserve"> </t>
    </r>
    <r>
      <rPr>
        <sz val="10"/>
        <rFont val="SimHei"/>
        <family val="3"/>
      </rPr>
      <t>厂商型号</t>
    </r>
    <rPh sb="0" eb="6">
      <t>カタバン</t>
    </rPh>
    <phoneticPr fontId="3"/>
  </si>
  <si>
    <r>
      <t>4</t>
    </r>
    <r>
      <rPr>
        <sz val="10"/>
        <rFont val="SimHei"/>
        <family val="3"/>
      </rPr>
      <t>）</t>
    </r>
    <r>
      <rPr>
        <sz val="10"/>
        <rFont val="Arial"/>
        <family val="2"/>
      </rPr>
      <t xml:space="preserve"> </t>
    </r>
    <r>
      <rPr>
        <sz val="10"/>
        <rFont val="SimHei"/>
        <family val="3"/>
      </rPr>
      <t>产品质量［</t>
    </r>
    <r>
      <rPr>
        <sz val="10"/>
        <rFont val="Arial"/>
        <family val="2"/>
      </rPr>
      <t>g</t>
    </r>
    <r>
      <rPr>
        <sz val="10"/>
        <rFont val="SimHei"/>
        <family val="3"/>
      </rPr>
      <t>］</t>
    </r>
    <rPh sb="3" eb="5">
      <t>セイヒン</t>
    </rPh>
    <rPh sb="5" eb="7">
      <t>シツリョウ</t>
    </rPh>
    <phoneticPr fontId="3"/>
  </si>
  <si>
    <r>
      <rPr>
        <sz val="10"/>
        <rFont val="SimHei"/>
        <family val="3"/>
      </rPr>
      <t>直接在此表格内输入时，</t>
    </r>
    <rPh sb="0" eb="2">
      <t>チョクセツ</t>
    </rPh>
    <rPh sb="2" eb="3">
      <t>ホンニュウリョクバアイ</t>
    </rPh>
    <phoneticPr fontId="3"/>
  </si>
  <si>
    <r>
      <rPr>
        <sz val="10"/>
        <rFont val="SimHei"/>
        <family val="3"/>
      </rPr>
      <t>［确认结果／</t>
    </r>
    <r>
      <rPr>
        <sz val="10"/>
        <rFont val="Arial"/>
        <family val="2"/>
      </rPr>
      <t>Result</t>
    </r>
    <r>
      <rPr>
        <sz val="10"/>
        <rFont val="SimHei"/>
        <family val="3"/>
      </rPr>
      <t>］栏内设有下拉菜单，</t>
    </r>
    <rPh sb="1" eb="3">
      <t>カクニン</t>
    </rPh>
    <rPh sb="3" eb="5">
      <t>ケッカ</t>
    </rPh>
    <rPh sb="13" eb="14">
      <t>ラン</t>
    </rPh>
    <phoneticPr fontId="3"/>
  </si>
  <si>
    <r>
      <rPr>
        <sz val="10"/>
        <rFont val="SimHei"/>
        <family val="3"/>
      </rPr>
      <t>请在显示清单内选择结果。</t>
    </r>
    <rPh sb="0" eb="2">
      <t>ヒョウジ</t>
    </rPh>
    <rPh sb="10" eb="12">
      <t>ケッカセンタク</t>
    </rPh>
    <phoneticPr fontId="3"/>
  </si>
  <si>
    <r>
      <rPr>
        <sz val="10"/>
        <rFont val="SimHei"/>
        <family val="3"/>
      </rPr>
      <t>输入（填写</t>
    </r>
    <r>
      <rPr>
        <sz val="10"/>
        <rFont val="Arial"/>
        <family val="2"/>
      </rPr>
      <t>)</t>
    </r>
    <r>
      <rPr>
        <sz val="10"/>
        <rFont val="SimHei"/>
        <family val="3"/>
      </rPr>
      <t>的报告书内容有变更时，</t>
    </r>
    <rPh sb="0" eb="3">
      <t>ホウコクショ</t>
    </rPh>
    <rPh sb="5" eb="7">
      <t>ニュウリョク</t>
    </rPh>
    <rPh sb="8" eb="10">
      <t>キサイ</t>
    </rPh>
    <rPh sb="11" eb="13">
      <t>ナイヨウ</t>
    </rPh>
    <rPh sb="14" eb="16">
      <t>ヘンコウショウバアイ</t>
    </rPh>
    <phoneticPr fontId="3"/>
  </si>
  <si>
    <r>
      <rPr>
        <sz val="10"/>
        <rFont val="SimHei"/>
        <family val="3"/>
      </rPr>
      <t>请尽快提交变更后的报告书。</t>
    </r>
    <rPh sb="0" eb="1">
      <t>スミ</t>
    </rPh>
    <rPh sb="4" eb="6">
      <t>ヘンコウ</t>
    </rPh>
    <rPh sb="8" eb="10">
      <t>ホウコク</t>
    </rPh>
    <rPh sb="10" eb="11">
      <t>ショテイシュツ</t>
    </rPh>
    <phoneticPr fontId="3"/>
  </si>
  <si>
    <r>
      <rPr>
        <sz val="11"/>
        <rFont val="SimHei"/>
        <family val="3"/>
      </rPr>
      <t>详细内容（判定标准）／</t>
    </r>
    <r>
      <rPr>
        <sz val="9"/>
        <rFont val="Arial"/>
        <family val="2"/>
      </rPr>
      <t xml:space="preserve">Check point (Criteria) *1) </t>
    </r>
    <phoneticPr fontId="6"/>
  </si>
  <si>
    <r>
      <rPr>
        <sz val="11"/>
        <rFont val="SimHei"/>
        <family val="3"/>
      </rPr>
      <t>　</t>
    </r>
  </si>
  <si>
    <r>
      <t xml:space="preserve">&lt; </t>
    </r>
    <r>
      <rPr>
        <sz val="9"/>
        <rFont val="SimHei"/>
        <family val="3"/>
      </rPr>
      <t>下一页／</t>
    </r>
    <r>
      <rPr>
        <sz val="9"/>
        <rFont val="Arial"/>
        <family val="2"/>
      </rPr>
      <t>Continued on the next page.&gt;</t>
    </r>
    <phoneticPr fontId="6"/>
  </si>
  <si>
    <r>
      <rPr>
        <sz val="10.5"/>
        <rFont val="SimHei"/>
        <family val="3"/>
      </rPr>
      <t>三取代有机锡化合物</t>
    </r>
    <phoneticPr fontId="6"/>
  </si>
  <si>
    <r>
      <rPr>
        <b/>
        <sz val="10"/>
        <color rgb="FFFF0000"/>
        <rFont val="SimHei"/>
        <family val="3"/>
      </rPr>
      <t>［此表无需提交］</t>
    </r>
    <phoneticPr fontId="6"/>
  </si>
  <si>
    <r>
      <rPr>
        <sz val="10.5"/>
        <rFont val="SimHei"/>
        <family val="3"/>
      </rPr>
      <t>聚溴联苯类（</t>
    </r>
    <r>
      <rPr>
        <sz val="10.5"/>
        <rFont val="Arial"/>
        <family val="2"/>
      </rPr>
      <t>PBB</t>
    </r>
    <r>
      <rPr>
        <sz val="10.5"/>
        <rFont val="SimHei"/>
        <family val="3"/>
      </rPr>
      <t>类）</t>
    </r>
    <phoneticPr fontId="6"/>
  </si>
  <si>
    <r>
      <rPr>
        <sz val="10.5"/>
        <rFont val="SimHei"/>
        <family val="3"/>
      </rPr>
      <t>镉及其化合物</t>
    </r>
    <phoneticPr fontId="6"/>
  </si>
  <si>
    <r>
      <rPr>
        <sz val="11"/>
        <rFont val="SimHei"/>
        <family val="3"/>
      </rPr>
      <t xml:space="preserve">确认结果／
</t>
    </r>
    <r>
      <rPr>
        <sz val="9"/>
        <rFont val="Arial"/>
        <family val="2"/>
      </rPr>
      <t>Result</t>
    </r>
    <phoneticPr fontId="6"/>
  </si>
  <si>
    <r>
      <rPr>
        <sz val="11"/>
        <rFont val="SimHei"/>
        <family val="3"/>
      </rPr>
      <t>制作人／</t>
    </r>
    <r>
      <rPr>
        <sz val="9"/>
        <rFont val="Arial"/>
        <family val="2"/>
      </rPr>
      <t>Writer</t>
    </r>
    <phoneticPr fontId="6"/>
  </si>
  <si>
    <r>
      <rPr>
        <sz val="11"/>
        <rFont val="SimHei"/>
        <family val="3"/>
      </rPr>
      <t>负责人／</t>
    </r>
    <r>
      <rPr>
        <sz val="9"/>
        <rFont val="Arial"/>
        <family val="2"/>
      </rPr>
      <t>Responsible Person</t>
    </r>
    <phoneticPr fontId="6"/>
  </si>
  <si>
    <r>
      <t>3</t>
    </r>
    <r>
      <rPr>
        <sz val="11"/>
        <rFont val="SimHei"/>
        <family val="3"/>
      </rPr>
      <t>）</t>
    </r>
    <r>
      <rPr>
        <sz val="11"/>
        <rFont val="Arial"/>
        <family val="2"/>
      </rPr>
      <t xml:space="preserve"> </t>
    </r>
    <r>
      <rPr>
        <sz val="11"/>
        <rFont val="SimHei"/>
        <family val="3"/>
      </rPr>
      <t>生产商编号／</t>
    </r>
    <r>
      <rPr>
        <sz val="9"/>
        <rFont val="Arial"/>
        <family val="2"/>
      </rPr>
      <t>Manufacturer's Model Code</t>
    </r>
    <phoneticPr fontId="6"/>
  </si>
  <si>
    <r>
      <t xml:space="preserve">&lt; </t>
    </r>
    <r>
      <rPr>
        <sz val="9"/>
        <rFont val="SimHei"/>
        <family val="3"/>
      </rPr>
      <t>判定基准满足／</t>
    </r>
    <r>
      <rPr>
        <sz val="9"/>
        <rFont val="Arial"/>
        <family val="2"/>
      </rPr>
      <t>Meet criteria: "Applicable"</t>
    </r>
    <r>
      <rPr>
        <sz val="9"/>
        <rFont val="SimHei"/>
        <family val="3"/>
      </rPr>
      <t>、未满足／</t>
    </r>
    <r>
      <rPr>
        <sz val="9"/>
        <rFont val="Arial"/>
        <family val="2"/>
      </rPr>
      <t>Do not meet criteria: "Not Applicable" &gt;</t>
    </r>
    <phoneticPr fontId="6"/>
  </si>
  <si>
    <r>
      <rPr>
        <sz val="11"/>
        <rFont val="SimHei"/>
        <family val="3"/>
      </rPr>
      <t>化学物质名称／</t>
    </r>
    <r>
      <rPr>
        <sz val="9"/>
        <rFont val="Arial"/>
        <family val="2"/>
      </rPr>
      <t>Substances</t>
    </r>
    <phoneticPr fontId="6"/>
  </si>
  <si>
    <r>
      <t xml:space="preserve">A2. </t>
    </r>
    <r>
      <rPr>
        <b/>
        <sz val="11"/>
        <rFont val="SimHei"/>
        <family val="3"/>
      </rPr>
      <t>附带条件禁止使用的化学物质在产品中的含有状况／</t>
    </r>
    <phoneticPr fontId="6"/>
  </si>
  <si>
    <r>
      <rPr>
        <sz val="11"/>
        <rFont val="SimHei"/>
        <family val="3"/>
      </rPr>
      <t>含有量在</t>
    </r>
    <r>
      <rPr>
        <sz val="11"/>
        <rFont val="Arial"/>
        <family val="2"/>
      </rPr>
      <t>100ppm</t>
    </r>
    <r>
      <rPr>
        <sz val="11"/>
        <rFont val="SimHei"/>
        <family val="3"/>
      </rPr>
      <t>以下。另外，关于电池须符合</t>
    </r>
    <r>
      <rPr>
        <sz val="11"/>
        <rFont val="Arial"/>
        <family val="2"/>
      </rPr>
      <t>EU</t>
    </r>
    <r>
      <rPr>
        <sz val="11"/>
        <rFont val="SimHei"/>
        <family val="3"/>
      </rPr>
      <t>电池指令（</t>
    </r>
    <r>
      <rPr>
        <sz val="11"/>
        <rFont val="Arial"/>
        <family val="2"/>
      </rPr>
      <t>2006/66/EC</t>
    </r>
    <r>
      <rPr>
        <sz val="11"/>
        <rFont val="SimHei"/>
        <family val="3"/>
      </rPr>
      <t>、</t>
    </r>
    <r>
      <rPr>
        <sz val="11"/>
        <rFont val="Arial"/>
        <family val="2"/>
      </rPr>
      <t>2013/56/EU</t>
    </r>
    <r>
      <rPr>
        <sz val="11"/>
        <rFont val="SimHei"/>
        <family val="3"/>
      </rPr>
      <t>）／</t>
    </r>
    <phoneticPr fontId="6"/>
  </si>
  <si>
    <r>
      <t xml:space="preserve">*2) </t>
    </r>
    <r>
      <rPr>
        <sz val="9"/>
        <rFont val="SimHei"/>
        <family val="3"/>
      </rPr>
      <t>根据</t>
    </r>
    <r>
      <rPr>
        <sz val="9"/>
        <rFont val="Arial"/>
        <family val="2"/>
      </rPr>
      <t>EU</t>
    </r>
    <r>
      <rPr>
        <sz val="9"/>
        <rFont val="SimHei"/>
        <family val="3"/>
      </rPr>
      <t>包装材指令等、关于包装材料用零件、包装用材料，镉、铅、汞、六价铬分别在部材、油墨、涂料中的合计含有量在</t>
    </r>
    <r>
      <rPr>
        <sz val="9"/>
        <rFont val="Arial"/>
        <family val="2"/>
      </rPr>
      <t>100ppm</t>
    </r>
    <r>
      <rPr>
        <sz val="9"/>
        <rFont val="SimHei"/>
        <family val="3"/>
      </rPr>
      <t>以下／</t>
    </r>
    <phoneticPr fontId="6"/>
  </si>
  <si>
    <r>
      <rPr>
        <sz val="10"/>
        <rFont val="SimHei"/>
        <family val="3"/>
      </rPr>
      <t>溴联苯醚类（</t>
    </r>
    <r>
      <rPr>
        <sz val="10"/>
        <rFont val="Arial"/>
        <family val="2"/>
      </rPr>
      <t>PBDE</t>
    </r>
    <r>
      <rPr>
        <sz val="10"/>
        <rFont val="SimHei"/>
        <family val="3"/>
      </rPr>
      <t>类）</t>
    </r>
    <phoneticPr fontId="6"/>
  </si>
  <si>
    <r>
      <rPr>
        <sz val="11"/>
        <rFont val="SimHei"/>
        <family val="3"/>
      </rPr>
      <t>塑料类含有量在</t>
    </r>
    <r>
      <rPr>
        <sz val="11"/>
        <rFont val="Arial"/>
        <family val="2"/>
      </rPr>
      <t>300ppm</t>
    </r>
    <r>
      <rPr>
        <sz val="11"/>
        <rFont val="SimHei"/>
        <family val="3"/>
      </rPr>
      <t>以下，其他含有量在</t>
    </r>
    <r>
      <rPr>
        <sz val="11"/>
        <rFont val="Arial"/>
        <family val="2"/>
      </rPr>
      <t>1000ppm</t>
    </r>
    <r>
      <rPr>
        <sz val="11"/>
        <rFont val="SimHei"/>
        <family val="3"/>
      </rPr>
      <t>以下。另外，关于电池须符合</t>
    </r>
    <r>
      <rPr>
        <sz val="11"/>
        <rFont val="Arial"/>
        <family val="2"/>
      </rPr>
      <t>EU</t>
    </r>
    <r>
      <rPr>
        <sz val="11"/>
        <rFont val="SimHei"/>
        <family val="3"/>
      </rPr>
      <t>电池指令（</t>
    </r>
    <r>
      <rPr>
        <sz val="11"/>
        <rFont val="Arial"/>
        <family val="2"/>
      </rPr>
      <t>2006/66/EC</t>
    </r>
    <r>
      <rPr>
        <sz val="11"/>
        <rFont val="SimHei"/>
        <family val="3"/>
      </rPr>
      <t>、</t>
    </r>
    <r>
      <rPr>
        <sz val="11"/>
        <rFont val="Arial"/>
        <family val="2"/>
      </rPr>
      <t>2013/56/EU</t>
    </r>
    <r>
      <rPr>
        <sz val="11"/>
        <rFont val="SimHei"/>
        <family val="3"/>
      </rPr>
      <t>）。但是，玩具和儿童用品，请参照</t>
    </r>
    <r>
      <rPr>
        <sz val="11"/>
        <rFont val="Arial"/>
        <family val="2"/>
      </rPr>
      <t>A2-</t>
    </r>
    <r>
      <rPr>
        <sz val="11"/>
        <rFont val="SimHei"/>
        <family val="3"/>
      </rPr>
      <t>别表回答／</t>
    </r>
    <phoneticPr fontId="6"/>
  </si>
  <si>
    <r>
      <t xml:space="preserve">*1) </t>
    </r>
    <r>
      <rPr>
        <sz val="9"/>
        <rFont val="SimHei"/>
        <family val="3"/>
      </rPr>
      <t>含有率的计算单位如无特别记载时为均质材料。</t>
    </r>
    <phoneticPr fontId="6"/>
  </si>
  <si>
    <r>
      <rPr>
        <sz val="10.5"/>
        <rFont val="SimHei"/>
        <family val="3"/>
      </rPr>
      <t>汞及其化合物</t>
    </r>
    <phoneticPr fontId="6"/>
  </si>
  <si>
    <r>
      <rPr>
        <sz val="10"/>
        <rFont val="SimHei"/>
        <family val="3"/>
      </rPr>
      <t>多氯化钠</t>
    </r>
  </si>
  <si>
    <r>
      <rPr>
        <sz val="10"/>
        <rFont val="SimHei"/>
        <family val="3"/>
      </rPr>
      <t>短链型氯石蜡</t>
    </r>
  </si>
  <si>
    <r>
      <rPr>
        <sz val="10"/>
        <rFont val="SimHei"/>
        <family val="3"/>
      </rPr>
      <t>石棉类</t>
    </r>
  </si>
  <si>
    <r>
      <rPr>
        <sz val="10"/>
        <rFont val="SimHei"/>
        <family val="3"/>
      </rPr>
      <t>多氯三联苯类（</t>
    </r>
    <r>
      <rPr>
        <sz val="10"/>
        <rFont val="Arial"/>
        <family val="2"/>
      </rPr>
      <t>PCT</t>
    </r>
    <r>
      <rPr>
        <sz val="10"/>
        <rFont val="SimHei"/>
        <family val="3"/>
      </rPr>
      <t>类）</t>
    </r>
  </si>
  <si>
    <r>
      <t>2-</t>
    </r>
    <r>
      <rPr>
        <sz val="10"/>
        <rFont val="SimHei"/>
        <family val="3"/>
      </rPr>
      <t>（</t>
    </r>
    <r>
      <rPr>
        <sz val="10"/>
        <rFont val="Arial"/>
        <family val="2"/>
      </rPr>
      <t>2H-1,2,3-</t>
    </r>
    <r>
      <rPr>
        <sz val="10"/>
        <rFont val="SimHei"/>
        <family val="3"/>
      </rPr>
      <t>苯并三氮唑</t>
    </r>
    <r>
      <rPr>
        <sz val="10"/>
        <rFont val="Arial"/>
        <family val="2"/>
      </rPr>
      <t>-2-</t>
    </r>
    <r>
      <rPr>
        <sz val="10"/>
        <rFont val="SimHei"/>
        <family val="3"/>
      </rPr>
      <t>基）</t>
    </r>
    <r>
      <rPr>
        <sz val="10"/>
        <rFont val="Arial"/>
        <family val="2"/>
      </rPr>
      <t>-4,6-d</t>
    </r>
    <r>
      <rPr>
        <sz val="10"/>
        <rFont val="SimHei"/>
        <family val="3"/>
      </rPr>
      <t>二叔丁基本酚</t>
    </r>
  </si>
  <si>
    <r>
      <rPr>
        <sz val="10"/>
        <rFont val="SimHei"/>
        <family val="3"/>
      </rPr>
      <t>六溴环十二烷（</t>
    </r>
    <r>
      <rPr>
        <sz val="10"/>
        <rFont val="Arial"/>
        <family val="2"/>
      </rPr>
      <t>HBCDD</t>
    </r>
    <r>
      <rPr>
        <sz val="10"/>
        <rFont val="SimHei"/>
        <family val="3"/>
      </rPr>
      <t>）</t>
    </r>
  </si>
  <si>
    <r>
      <rPr>
        <sz val="10"/>
        <rFont val="SimHei"/>
        <family val="3"/>
      </rPr>
      <t>氯化钴</t>
    </r>
  </si>
  <si>
    <r>
      <rPr>
        <sz val="10"/>
        <rFont val="SimHei"/>
        <family val="3"/>
      </rPr>
      <t>富马酸二甲酯</t>
    </r>
  </si>
  <si>
    <r>
      <rPr>
        <sz val="10"/>
        <rFont val="SimHei"/>
        <family val="3"/>
      </rPr>
      <t>铝硅酸盐，耐火陶瓷纤维</t>
    </r>
  </si>
  <si>
    <r>
      <rPr>
        <sz val="10"/>
        <rFont val="SimHei"/>
        <family val="3"/>
      </rPr>
      <t>氧化锆硅酸铝，耐火陶瓷纤维</t>
    </r>
  </si>
  <si>
    <r>
      <t xml:space="preserve">B2. </t>
    </r>
    <r>
      <rPr>
        <sz val="10"/>
        <rFont val="SimHei"/>
        <family val="3"/>
      </rPr>
      <t>其他</t>
    </r>
    <r>
      <rPr>
        <sz val="10"/>
        <rFont val="Arial"/>
        <family val="2"/>
      </rPr>
      <t xml:space="preserve"> </t>
    </r>
    <r>
      <rPr>
        <sz val="10"/>
        <rFont val="SimHei"/>
        <family val="3"/>
      </rPr>
      <t>附带条件禁止</t>
    </r>
    <phoneticPr fontId="6"/>
  </si>
  <si>
    <r>
      <rPr>
        <sz val="10"/>
        <rFont val="SimHei"/>
        <family val="3"/>
      </rPr>
      <t>铍及其化合物</t>
    </r>
  </si>
  <si>
    <r>
      <rPr>
        <sz val="10"/>
        <rFont val="SimHei"/>
        <family val="3"/>
      </rPr>
      <t>偶氮染料</t>
    </r>
    <r>
      <rPr>
        <sz val="10"/>
        <rFont val="Arial"/>
        <family val="2"/>
      </rPr>
      <t>・</t>
    </r>
    <r>
      <rPr>
        <sz val="10"/>
        <rFont val="SimHei"/>
        <family val="3"/>
      </rPr>
      <t>颜料</t>
    </r>
  </si>
  <si>
    <r>
      <rPr>
        <sz val="10"/>
        <rFont val="SimHei"/>
        <family val="3"/>
      </rPr>
      <t>聚氯乙烯及共聚物</t>
    </r>
  </si>
  <si>
    <r>
      <rPr>
        <sz val="10"/>
        <rFont val="SimHei"/>
        <family val="3"/>
      </rPr>
      <t>邻苯二甲酸酯类</t>
    </r>
  </si>
  <si>
    <r>
      <rPr>
        <sz val="10"/>
        <rFont val="SimHei"/>
        <family val="3"/>
      </rPr>
      <t>放射性物質</t>
    </r>
  </si>
  <si>
    <r>
      <rPr>
        <sz val="10"/>
        <rFont val="SimHei"/>
        <family val="3"/>
      </rPr>
      <t>全氟辛烷磺酸盐（</t>
    </r>
    <r>
      <rPr>
        <sz val="10"/>
        <rFont val="Arial"/>
        <family val="2"/>
      </rPr>
      <t>PFOS</t>
    </r>
    <r>
      <rPr>
        <sz val="10"/>
        <rFont val="SimHei"/>
        <family val="3"/>
      </rPr>
      <t>）</t>
    </r>
  </si>
  <si>
    <r>
      <rPr>
        <sz val="10"/>
        <rFont val="SimHei"/>
        <family val="3"/>
      </rPr>
      <t>氟系温室效应气体（</t>
    </r>
    <r>
      <rPr>
        <sz val="10"/>
        <rFont val="Arial"/>
        <family val="2"/>
      </rPr>
      <t>HFCPFCSF6</t>
    </r>
    <r>
      <rPr>
        <sz val="10"/>
        <rFont val="SimHei"/>
        <family val="3"/>
      </rPr>
      <t>）</t>
    </r>
  </si>
  <si>
    <r>
      <rPr>
        <sz val="10"/>
        <rFont val="SimHei"/>
        <family val="3"/>
      </rPr>
      <t>甲醛</t>
    </r>
  </si>
  <si>
    <r>
      <rPr>
        <sz val="10"/>
        <rFont val="SimHei"/>
        <family val="3"/>
      </rPr>
      <t>过氯酸盐</t>
    </r>
  </si>
  <si>
    <r>
      <rPr>
        <sz val="10"/>
        <rFont val="SimHei"/>
        <family val="3"/>
      </rPr>
      <t>镍</t>
    </r>
  </si>
  <si>
    <r>
      <rPr>
        <sz val="10"/>
        <rFont val="SimHei"/>
        <family val="3"/>
      </rPr>
      <t>砷及其化合物</t>
    </r>
  </si>
  <si>
    <r>
      <rPr>
        <sz val="10"/>
        <rFont val="SimHei"/>
        <family val="3"/>
      </rPr>
      <t>硼酸</t>
    </r>
  </si>
  <si>
    <r>
      <rPr>
        <sz val="10"/>
        <rFont val="SimHei"/>
        <family val="3"/>
      </rPr>
      <t>无水四硼酸，七水合四硼酸钠</t>
    </r>
    <rPh sb="0" eb="1">
      <t>ブ</t>
    </rPh>
    <rPh sb="1" eb="2">
      <t>ミズ</t>
    </rPh>
    <rPh sb="2" eb="3">
      <t>ヨン</t>
    </rPh>
    <rPh sb="3" eb="5">
      <t>ホウサン</t>
    </rPh>
    <phoneticPr fontId="6"/>
  </si>
  <si>
    <r>
      <rPr>
        <sz val="10"/>
        <rFont val="SimHei"/>
        <family val="3"/>
      </rPr>
      <t>二辛基锡（</t>
    </r>
    <r>
      <rPr>
        <sz val="10"/>
        <rFont val="Arial"/>
        <family val="2"/>
      </rPr>
      <t>DOT</t>
    </r>
    <r>
      <rPr>
        <sz val="10"/>
        <rFont val="SimHei"/>
        <family val="3"/>
      </rPr>
      <t>）化合物</t>
    </r>
  </si>
  <si>
    <r>
      <rPr>
        <sz val="10"/>
        <rFont val="SimHei"/>
        <family val="3"/>
      </rPr>
      <t>全氟辛酸（</t>
    </r>
    <r>
      <rPr>
        <sz val="10"/>
        <rFont val="Arial"/>
        <family val="2"/>
      </rPr>
      <t>PFOA</t>
    </r>
    <r>
      <rPr>
        <sz val="10"/>
        <rFont val="SimHei"/>
        <family val="3"/>
      </rPr>
      <t>）及其盐类和酯类</t>
    </r>
  </si>
  <si>
    <r>
      <rPr>
        <sz val="10"/>
        <rFont val="SimHei"/>
        <family val="3"/>
      </rPr>
      <t>氯化系阻燃剂</t>
    </r>
  </si>
  <si>
    <r>
      <rPr>
        <sz val="11"/>
        <rFont val="SimHei"/>
        <family val="3"/>
      </rPr>
      <t>确认内容（判定标准）／</t>
    </r>
    <r>
      <rPr>
        <sz val="9"/>
        <rFont val="Arial"/>
        <family val="2"/>
      </rPr>
      <t>Check point (Criteria)</t>
    </r>
    <phoneticPr fontId="6"/>
  </si>
  <si>
    <r>
      <rPr>
        <sz val="11"/>
        <rFont val="SimHei"/>
        <family val="3"/>
      </rPr>
      <t>铍氧化物／</t>
    </r>
    <phoneticPr fontId="6"/>
  </si>
  <si>
    <r>
      <t xml:space="preserve">(a) </t>
    </r>
    <r>
      <rPr>
        <sz val="11"/>
        <rFont val="SimHei"/>
        <family val="3"/>
      </rPr>
      <t>用于合金／</t>
    </r>
    <r>
      <rPr>
        <sz val="9"/>
        <rFont val="Arial"/>
        <family val="2"/>
      </rPr>
      <t>Alloy</t>
    </r>
    <phoneticPr fontId="6"/>
  </si>
  <si>
    <r>
      <t>Used in a contact part with human body of a product (e.g.</t>
    </r>
    <r>
      <rPr>
        <sz val="9"/>
        <rFont val="SimHei"/>
        <family val="3"/>
      </rPr>
      <t>：</t>
    </r>
    <r>
      <rPr>
        <sz val="9"/>
        <rFont val="Arial"/>
        <family val="2"/>
      </rPr>
      <t>electric carpet, earphone, strap and etc.) which is manufactured based on the premise that the product continuously contacts human body, and may produce carcinogenic amine over 30ppm when discomposed.</t>
    </r>
  </si>
  <si>
    <r>
      <rPr>
        <sz val="11"/>
        <rFont val="SimHei"/>
        <family val="3"/>
      </rPr>
      <t>可以使用／</t>
    </r>
  </si>
  <si>
    <r>
      <rPr>
        <sz val="11"/>
        <rFont val="SimHei"/>
        <family val="3"/>
      </rPr>
      <t>液晶投影仪的灯泡中使用了氪</t>
    </r>
    <r>
      <rPr>
        <sz val="11"/>
        <rFont val="Arial"/>
        <family val="2"/>
      </rPr>
      <t>85</t>
    </r>
    <r>
      <rPr>
        <sz val="11"/>
        <rFont val="SimHei"/>
        <family val="3"/>
      </rPr>
      <t>／</t>
    </r>
  </si>
  <si>
    <r>
      <rPr>
        <sz val="11"/>
        <rFont val="SimHei"/>
        <family val="3"/>
      </rPr>
      <t>用于感光胶或照片工程中的防反射涂层中／</t>
    </r>
  </si>
  <si>
    <r>
      <rPr>
        <sz val="11"/>
        <rFont val="SimHei"/>
        <family val="3"/>
      </rPr>
      <t>用于胶片、纸、或者印刷版的照片涂层中／</t>
    </r>
  </si>
  <si>
    <r>
      <rPr>
        <sz val="11"/>
        <rFont val="SimHei"/>
        <family val="3"/>
      </rPr>
      <t>作为非装饰用的硬质镀铬（</t>
    </r>
    <r>
      <rPr>
        <sz val="11"/>
        <rFont val="Arial"/>
        <family val="2"/>
      </rPr>
      <t>VI</t>
    </r>
    <r>
      <rPr>
        <sz val="11"/>
        <rFont val="SimHei"/>
        <family val="3"/>
      </rPr>
      <t>）用的防雾剂，及电镀用装置中使用的湿润剂使用／</t>
    </r>
  </si>
  <si>
    <r>
      <rPr>
        <sz val="11"/>
        <rFont val="SimHei"/>
        <family val="3"/>
      </rPr>
      <t>各电池中的重量比在</t>
    </r>
    <r>
      <rPr>
        <sz val="11"/>
        <rFont val="Arial"/>
        <family val="2"/>
      </rPr>
      <t>6ppb</t>
    </r>
    <r>
      <rPr>
        <sz val="11"/>
        <rFont val="SimHei"/>
        <family val="3"/>
      </rPr>
      <t>以上（在说明书中必须写注意文）／</t>
    </r>
  </si>
  <si>
    <r>
      <rPr>
        <sz val="11"/>
        <rFont val="SimHei"/>
        <family val="3"/>
      </rPr>
      <t>各电池中的重量比未满</t>
    </r>
    <r>
      <rPr>
        <sz val="11"/>
        <rFont val="Arial"/>
        <family val="2"/>
      </rPr>
      <t>6ppb</t>
    </r>
    <r>
      <rPr>
        <sz val="11"/>
        <rFont val="SimHei"/>
        <family val="3"/>
      </rPr>
      <t>／</t>
    </r>
  </si>
  <si>
    <r>
      <rPr>
        <sz val="11"/>
        <rFont val="SimHei"/>
        <family val="3"/>
      </rPr>
      <t>用于长时间接触皮肤的部分／</t>
    </r>
  </si>
  <si>
    <r>
      <rPr>
        <sz val="11"/>
        <rFont val="SimHei"/>
        <family val="3"/>
      </rPr>
      <t>用于上述（</t>
    </r>
    <r>
      <rPr>
        <sz val="11"/>
        <rFont val="Arial"/>
        <family val="2"/>
      </rPr>
      <t>1</t>
    </r>
    <r>
      <rPr>
        <sz val="11"/>
        <rFont val="SimHei"/>
        <family val="3"/>
      </rPr>
      <t>）以外的情况／</t>
    </r>
  </si>
  <si>
    <r>
      <rPr>
        <sz val="11"/>
        <rFont val="SimHei"/>
        <family val="3"/>
      </rPr>
      <t xml:space="preserve">化学物质名称／
</t>
    </r>
    <r>
      <rPr>
        <sz val="9"/>
        <rFont val="Arial"/>
        <family val="2"/>
      </rPr>
      <t>Substances</t>
    </r>
    <phoneticPr fontId="6"/>
  </si>
  <si>
    <r>
      <rPr>
        <sz val="11"/>
        <rFont val="SimHei"/>
        <family val="3"/>
      </rPr>
      <t>用于液晶投影仪的灯泡的玻璃中（三氧化二砷）／</t>
    </r>
  </si>
  <si>
    <r>
      <rPr>
        <sz val="11"/>
        <rFont val="SimHei"/>
        <family val="3"/>
      </rPr>
      <t>使用于薄膜、纸、或用于印刷版的照片涂层／</t>
    </r>
  </si>
  <si>
    <r>
      <rPr>
        <sz val="11"/>
        <rFont val="SimHei"/>
        <family val="3"/>
      </rPr>
      <t>使用于非装饰用的镀硬铬（</t>
    </r>
    <r>
      <rPr>
        <sz val="11"/>
        <rFont val="Arial"/>
        <family val="2"/>
      </rPr>
      <t>VI</t>
    </r>
    <r>
      <rPr>
        <sz val="11"/>
        <rFont val="SimHei"/>
        <family val="3"/>
      </rPr>
      <t>）电镀用喷雾抑制剂、以及用于电镀用装置中的润湿剂／</t>
    </r>
  </si>
  <si>
    <r>
      <rPr>
        <sz val="11"/>
        <rFont val="SimHei"/>
        <family val="3"/>
      </rPr>
      <t>如难以替代，则须经得夏普采用决定部门的许可。／</t>
    </r>
  </si>
  <si>
    <r>
      <t>“</t>
    </r>
    <r>
      <rPr>
        <sz val="11"/>
        <rFont val="SimHei"/>
        <family val="3"/>
      </rPr>
      <t>使用于面向儿童（</t>
    </r>
    <r>
      <rPr>
        <sz val="11"/>
        <rFont val="Arial"/>
        <family val="2"/>
      </rPr>
      <t>12</t>
    </r>
    <r>
      <rPr>
        <sz val="11"/>
        <rFont val="SimHei"/>
        <family val="3"/>
      </rPr>
      <t>岁以下）的产品以及用纤维等覆盖的家用家具等</t>
    </r>
    <r>
      <rPr>
        <sz val="11"/>
        <rFont val="Arial"/>
        <family val="2"/>
      </rPr>
      <t>”</t>
    </r>
    <r>
      <rPr>
        <sz val="11"/>
        <rFont val="SimHei"/>
        <family val="3"/>
      </rPr>
      <t>／</t>
    </r>
    <phoneticPr fontId="6"/>
  </si>
  <si>
    <r>
      <rPr>
        <sz val="11"/>
        <rFont val="SimHei"/>
        <family val="3"/>
      </rPr>
      <t>使用于上述以外的</t>
    </r>
    <r>
      <rPr>
        <sz val="11"/>
        <rFont val="Arial"/>
        <family val="2"/>
      </rPr>
      <t>EU</t>
    </r>
    <r>
      <rPr>
        <sz val="11"/>
        <rFont val="SimHei"/>
        <family val="3"/>
      </rPr>
      <t>指令中规定的豁免用途，须经采用部门的许可。／</t>
    </r>
    <rPh sb="15" eb="16">
      <t>サダ</t>
    </rPh>
    <rPh sb="20" eb="22">
      <t>テキヨウ</t>
    </rPh>
    <phoneticPr fontId="6"/>
  </si>
  <si>
    <r>
      <rPr>
        <sz val="11"/>
        <rFont val="Arial"/>
        <family val="2"/>
      </rPr>
      <t>RoHS</t>
    </r>
    <r>
      <rPr>
        <sz val="11"/>
        <rFont val="SimHei"/>
        <family val="3"/>
      </rPr>
      <t>豁免用途</t>
    </r>
    <r>
      <rPr>
        <sz val="11"/>
        <rFont val="Arial"/>
        <family val="2"/>
      </rPr>
      <t>No.</t>
    </r>
    <r>
      <rPr>
        <sz val="11"/>
        <rFont val="SimHei"/>
        <family val="3"/>
      </rPr>
      <t>／</t>
    </r>
    <r>
      <rPr>
        <sz val="9"/>
        <rFont val="Arial"/>
        <family val="2"/>
      </rPr>
      <t>RoHS Exemption No. :</t>
    </r>
    <rPh sb="4" eb="6">
      <t>テキヨウ</t>
    </rPh>
    <phoneticPr fontId="6"/>
  </si>
  <si>
    <r>
      <rPr>
        <sz val="11"/>
        <rFont val="SimHei"/>
        <family val="3"/>
      </rPr>
      <t>使用于</t>
    </r>
    <r>
      <rPr>
        <sz val="11"/>
        <rFont val="Arial"/>
        <family val="2"/>
      </rPr>
      <t>12</t>
    </r>
    <r>
      <rPr>
        <sz val="11"/>
        <rFont val="SimHei"/>
        <family val="3"/>
      </rPr>
      <t>岁以下儿童的产品，每单位外装零部件含铅超过</t>
    </r>
    <r>
      <rPr>
        <sz val="11"/>
        <rFont val="Arial"/>
        <family val="2"/>
      </rPr>
      <t>0.01wt%</t>
    </r>
    <r>
      <rPr>
        <sz val="11"/>
        <rFont val="SimHei"/>
        <family val="3"/>
      </rPr>
      <t>以上／</t>
    </r>
  </si>
  <si>
    <r>
      <rPr>
        <sz val="11"/>
        <rFont val="SimHei"/>
        <family val="3"/>
      </rPr>
      <t>使用于集成电路倒装片（</t>
    </r>
    <r>
      <rPr>
        <sz val="11"/>
        <rFont val="Arial"/>
        <family val="2"/>
      </rPr>
      <t>flip tip</t>
    </r>
    <r>
      <rPr>
        <sz val="11"/>
        <rFont val="SimHei"/>
        <family val="3"/>
      </rPr>
      <t>）中半导体芯片及载体之间形成可靠连接所用焊料中／</t>
    </r>
  </si>
  <si>
    <r>
      <t xml:space="preserve">Medium length (&gt; 500 mm and </t>
    </r>
    <r>
      <rPr>
        <sz val="9"/>
        <rFont val="SimHei"/>
        <family val="3"/>
      </rPr>
      <t>≤</t>
    </r>
    <r>
      <rPr>
        <sz val="9"/>
        <rFont val="Arial"/>
        <family val="2"/>
      </rPr>
      <t xml:space="preserve"> 1500 mm): under 5mg</t>
    </r>
  </si>
  <si>
    <r>
      <rPr>
        <sz val="11"/>
        <rFont val="SimHei"/>
        <family val="3"/>
      </rPr>
      <t>非特意添加（氯素数</t>
    </r>
    <r>
      <rPr>
        <sz val="11"/>
        <rFont val="Arial"/>
        <family val="2"/>
      </rPr>
      <t>1</t>
    </r>
    <r>
      <rPr>
        <sz val="11"/>
        <rFont val="SimHei"/>
        <family val="3"/>
      </rPr>
      <t>～</t>
    </r>
    <r>
      <rPr>
        <sz val="11"/>
        <rFont val="Arial"/>
        <family val="2"/>
      </rPr>
      <t>8</t>
    </r>
    <r>
      <rPr>
        <sz val="11"/>
        <rFont val="SimHei"/>
        <family val="3"/>
      </rPr>
      <t>为对象）／</t>
    </r>
    <rPh sb="13" eb="15">
      <t>タイショウ</t>
    </rPh>
    <phoneticPr fontId="6"/>
  </si>
  <si>
    <r>
      <rPr>
        <sz val="11"/>
        <rFont val="SimHei"/>
        <family val="3"/>
      </rPr>
      <t>以下除外的邻苯二甲酸酯类的含有量在</t>
    </r>
    <r>
      <rPr>
        <sz val="11"/>
        <rFont val="Arial"/>
        <family val="2"/>
      </rPr>
      <t>1000ppm</t>
    </r>
    <r>
      <rPr>
        <sz val="11"/>
        <rFont val="SimHei"/>
        <family val="3"/>
      </rPr>
      <t>以下。
邻苯二甲酸</t>
    </r>
    <r>
      <rPr>
        <sz val="11"/>
        <rFont val="Arial"/>
        <family val="2"/>
      </rPr>
      <t>(2-</t>
    </r>
    <r>
      <rPr>
        <sz val="11"/>
        <rFont val="SimHei"/>
        <family val="3"/>
      </rPr>
      <t>乙基己基酯</t>
    </r>
    <r>
      <rPr>
        <sz val="11"/>
        <rFont val="Arial"/>
        <family val="2"/>
      </rPr>
      <t>)</t>
    </r>
    <r>
      <rPr>
        <sz val="11"/>
        <rFont val="SimHei"/>
        <family val="3"/>
      </rPr>
      <t>：</t>
    </r>
    <r>
      <rPr>
        <sz val="11"/>
        <rFont val="Arial"/>
        <family val="2"/>
      </rPr>
      <t>DEHP</t>
    </r>
    <r>
      <rPr>
        <sz val="11"/>
        <rFont val="SimHei"/>
        <family val="3"/>
      </rPr>
      <t>、邻苯二甲酸二丁酯：</t>
    </r>
    <r>
      <rPr>
        <sz val="11"/>
        <rFont val="Arial"/>
        <family val="2"/>
      </rPr>
      <t>DBP</t>
    </r>
    <r>
      <rPr>
        <sz val="11"/>
        <rFont val="SimHei"/>
        <family val="3"/>
      </rPr>
      <t>、邻苯二甲酸丁苄酯：</t>
    </r>
    <r>
      <rPr>
        <sz val="11"/>
        <rFont val="Arial"/>
        <family val="2"/>
      </rPr>
      <t>BBP</t>
    </r>
    <r>
      <rPr>
        <sz val="11"/>
        <rFont val="SimHei"/>
        <family val="3"/>
      </rPr>
      <t>、邻苯二甲酸二异丁酯：</t>
    </r>
    <r>
      <rPr>
        <sz val="11"/>
        <rFont val="Arial"/>
        <family val="2"/>
      </rPr>
      <t>DIBP</t>
    </r>
    <rPh sb="0" eb="2">
      <t>カキ</t>
    </rPh>
    <rPh sb="2" eb="4">
      <t>イガイ</t>
    </rPh>
    <rPh sb="8" eb="9">
      <t>サン</t>
    </rPh>
    <rPh sb="13" eb="14">
      <t>ルイ</t>
    </rPh>
    <phoneticPr fontId="7"/>
  </si>
  <si>
    <r>
      <t>Not intentionally added, and Content in substance/preparation is 50ppm or less, Content of sub-product/article etc. except substance/preparation is 1000ppm or less, Content of coating agent is 1μg/m</t>
    </r>
    <r>
      <rPr>
        <vertAlign val="superscript"/>
        <sz val="9"/>
        <rFont val="Arial"/>
        <family val="2"/>
      </rPr>
      <t>2</t>
    </r>
    <r>
      <rPr>
        <sz val="9"/>
        <rFont val="Arial"/>
        <family val="2"/>
      </rPr>
      <t xml:space="preserve"> or less.</t>
    </r>
    <phoneticPr fontId="6"/>
  </si>
  <si>
    <r>
      <rPr>
        <sz val="11"/>
        <rFont val="SimHei"/>
        <family val="3"/>
      </rPr>
      <t>氟系温室效应气体（</t>
    </r>
    <r>
      <rPr>
        <sz val="11"/>
        <rFont val="Arial"/>
        <family val="2"/>
      </rPr>
      <t>HFC/PFC/SF6</t>
    </r>
    <r>
      <rPr>
        <sz val="11"/>
        <rFont val="SimHei"/>
        <family val="3"/>
      </rPr>
      <t>）／</t>
    </r>
  </si>
  <si>
    <r>
      <rPr>
        <sz val="11"/>
        <rFont val="SimHei"/>
        <family val="3"/>
      </rPr>
      <t>硼酸／</t>
    </r>
  </si>
  <si>
    <r>
      <rPr>
        <sz val="11"/>
        <rFont val="SimHei"/>
        <family val="3"/>
      </rPr>
      <t>全氟辛酸（</t>
    </r>
    <r>
      <rPr>
        <sz val="11"/>
        <rFont val="Arial"/>
        <family val="2"/>
      </rPr>
      <t>PFOA</t>
    </r>
    <r>
      <rPr>
        <sz val="11"/>
        <rFont val="SimHei"/>
        <family val="3"/>
      </rPr>
      <t>）及其盐类和酯类／</t>
    </r>
  </si>
  <si>
    <r>
      <t xml:space="preserve">*2) </t>
    </r>
    <r>
      <rPr>
        <sz val="9"/>
        <rFont val="SimHei"/>
        <family val="3"/>
      </rPr>
      <t>关于</t>
    </r>
    <r>
      <rPr>
        <sz val="9"/>
        <rFont val="Arial"/>
        <family val="2"/>
      </rPr>
      <t>“</t>
    </r>
    <r>
      <rPr>
        <sz val="9"/>
        <rFont val="SimHei"/>
        <family val="3"/>
      </rPr>
      <t>全氟辛烷磺酸及其盐</t>
    </r>
    <r>
      <rPr>
        <sz val="9"/>
        <rFont val="Arial"/>
        <family val="2"/>
      </rPr>
      <t>”</t>
    </r>
    <r>
      <rPr>
        <sz val="9"/>
        <rFont val="SimHei"/>
        <family val="3"/>
      </rPr>
      <t>，范围包含以下</t>
    </r>
    <r>
      <rPr>
        <sz val="9"/>
        <rFont val="Arial"/>
        <family val="2"/>
      </rPr>
      <t>CAS No.</t>
    </r>
    <r>
      <rPr>
        <sz val="9"/>
        <rFont val="SimHei"/>
        <family val="3"/>
      </rPr>
      <t>为对象。（</t>
    </r>
    <r>
      <rPr>
        <sz val="9"/>
        <rFont val="Arial"/>
        <family val="2"/>
      </rPr>
      <t>1763-23-1</t>
    </r>
    <r>
      <rPr>
        <sz val="9"/>
        <rFont val="SimHei"/>
        <family val="3"/>
      </rPr>
      <t>、</t>
    </r>
    <r>
      <rPr>
        <sz val="9"/>
        <rFont val="Arial"/>
        <family val="2"/>
      </rPr>
      <t>307-35-7</t>
    </r>
    <r>
      <rPr>
        <sz val="9"/>
        <rFont val="SimHei"/>
        <family val="3"/>
      </rPr>
      <t>、</t>
    </r>
    <r>
      <rPr>
        <sz val="9"/>
        <rFont val="Arial"/>
        <family val="2"/>
      </rPr>
      <t>29457-72-5</t>
    </r>
    <r>
      <rPr>
        <sz val="9"/>
        <rFont val="SimHei"/>
        <family val="3"/>
      </rPr>
      <t>、</t>
    </r>
    <r>
      <rPr>
        <sz val="9"/>
        <rFont val="Arial"/>
        <family val="2"/>
      </rPr>
      <t>2795-39-3)</t>
    </r>
    <r>
      <rPr>
        <sz val="9"/>
        <rFont val="SimHei"/>
        <family val="3"/>
      </rPr>
      <t>／</t>
    </r>
    <phoneticPr fontId="6"/>
  </si>
  <si>
    <r>
      <t xml:space="preserve">*3) </t>
    </r>
    <r>
      <rPr>
        <sz val="9"/>
        <rFont val="SimHei"/>
        <family val="3"/>
      </rPr>
      <t>以下</t>
    </r>
    <r>
      <rPr>
        <sz val="9"/>
        <rFont val="Arial"/>
        <family val="2"/>
      </rPr>
      <t>CAS No.</t>
    </r>
    <r>
      <rPr>
        <sz val="9"/>
        <rFont val="SimHei"/>
        <family val="3"/>
      </rPr>
      <t>物质的总含量。（</t>
    </r>
    <r>
      <rPr>
        <sz val="9"/>
        <rFont val="Arial"/>
        <family val="2"/>
      </rPr>
      <t>335-67-1</t>
    </r>
    <r>
      <rPr>
        <sz val="9"/>
        <rFont val="SimHei"/>
        <family val="3"/>
      </rPr>
      <t>、</t>
    </r>
    <r>
      <rPr>
        <sz val="9"/>
        <rFont val="Arial"/>
        <family val="2"/>
      </rPr>
      <t>3825-26-1</t>
    </r>
    <r>
      <rPr>
        <sz val="9"/>
        <rFont val="SimHei"/>
        <family val="3"/>
      </rPr>
      <t>、</t>
    </r>
    <r>
      <rPr>
        <sz val="9"/>
        <rFont val="Arial"/>
        <family val="2"/>
      </rPr>
      <t>335-95-5</t>
    </r>
    <r>
      <rPr>
        <sz val="9"/>
        <rFont val="SimHei"/>
        <family val="3"/>
      </rPr>
      <t>、</t>
    </r>
    <r>
      <rPr>
        <sz val="9"/>
        <rFont val="Arial"/>
        <family val="2"/>
      </rPr>
      <t>2395-00-8</t>
    </r>
    <r>
      <rPr>
        <sz val="9"/>
        <rFont val="SimHei"/>
        <family val="3"/>
      </rPr>
      <t>、</t>
    </r>
    <r>
      <rPr>
        <sz val="9"/>
        <rFont val="Arial"/>
        <family val="2"/>
      </rPr>
      <t>335-93-3</t>
    </r>
    <r>
      <rPr>
        <sz val="9"/>
        <rFont val="SimHei"/>
        <family val="3"/>
      </rPr>
      <t>、</t>
    </r>
    <r>
      <rPr>
        <sz val="9"/>
        <rFont val="Arial"/>
        <family val="2"/>
      </rPr>
      <t>335-66-0</t>
    </r>
    <r>
      <rPr>
        <sz val="9"/>
        <rFont val="SimHei"/>
        <family val="3"/>
      </rPr>
      <t>、</t>
    </r>
    <r>
      <rPr>
        <sz val="9"/>
        <rFont val="Arial"/>
        <family val="2"/>
      </rPr>
      <t>376-27-2</t>
    </r>
    <r>
      <rPr>
        <sz val="9"/>
        <rFont val="SimHei"/>
        <family val="3"/>
      </rPr>
      <t>、</t>
    </r>
    <r>
      <rPr>
        <sz val="9"/>
        <rFont val="Arial"/>
        <family val="2"/>
      </rPr>
      <t>3108-24-5</t>
    </r>
    <r>
      <rPr>
        <sz val="9"/>
        <rFont val="SimHei"/>
        <family val="3"/>
      </rPr>
      <t>）／</t>
    </r>
    <phoneticPr fontId="6"/>
  </si>
  <si>
    <r>
      <t>Rinse solution</t>
    </r>
    <r>
      <rPr>
        <sz val="9"/>
        <rFont val="SimHei"/>
        <family val="3"/>
      </rPr>
      <t>：</t>
    </r>
  </si>
  <si>
    <r>
      <t>Rinse method</t>
    </r>
    <r>
      <rPr>
        <sz val="9"/>
        <rFont val="SimHei"/>
        <family val="3"/>
      </rPr>
      <t>：</t>
    </r>
  </si>
  <si>
    <t>Regarding items whose confirmatory result are "Not Applicable" in clause B2, "X" are entered in the result column as the result of the confirmation pursuant to the criteria.</t>
    <phoneticPr fontId="6"/>
  </si>
  <si>
    <t>Regarding items whose confirmatory result are "Not Applicable" in clause A2, "X" are entered in the result column as the result of the confirmation pursuant to the criteria.</t>
    <phoneticPr fontId="6"/>
  </si>
  <si>
    <r>
      <rPr>
        <b/>
        <sz val="11"/>
        <color theme="0"/>
        <rFont val="SimHei"/>
        <family val="3"/>
      </rPr>
      <t>禁止使用／</t>
    </r>
  </si>
  <si>
    <r>
      <rPr>
        <sz val="11"/>
        <rFont val="SimHei"/>
        <family val="3"/>
      </rPr>
      <t>非特意添加，且含有量在</t>
    </r>
    <r>
      <rPr>
        <sz val="11"/>
        <rFont val="Arial"/>
        <family val="2"/>
      </rPr>
      <t>1000ppm</t>
    </r>
    <r>
      <rPr>
        <sz val="11"/>
        <rFont val="SimHei"/>
        <family val="3"/>
      </rPr>
      <t>以下／</t>
    </r>
    <phoneticPr fontId="6"/>
  </si>
  <si>
    <r>
      <rPr>
        <sz val="11"/>
        <rFont val="SimHei"/>
        <family val="3"/>
      </rPr>
      <t>石棉类／</t>
    </r>
    <phoneticPr fontId="6"/>
  </si>
  <si>
    <r>
      <rPr>
        <sz val="11"/>
        <rFont val="SimHei"/>
        <family val="3"/>
      </rPr>
      <t>六溴环十二烷（</t>
    </r>
    <r>
      <rPr>
        <sz val="11"/>
        <rFont val="Arial"/>
        <family val="2"/>
      </rPr>
      <t>HBCDD</t>
    </r>
    <r>
      <rPr>
        <sz val="11"/>
        <rFont val="SimHei"/>
        <family val="3"/>
      </rPr>
      <t>）／</t>
    </r>
    <phoneticPr fontId="6"/>
  </si>
  <si>
    <r>
      <rPr>
        <sz val="11"/>
        <rFont val="SimHei"/>
        <family val="3"/>
      </rPr>
      <t>非特意添加，且含有量在</t>
    </r>
    <r>
      <rPr>
        <sz val="11"/>
        <rFont val="Arial"/>
        <family val="2"/>
      </rPr>
      <t>0.1ppm</t>
    </r>
    <r>
      <rPr>
        <sz val="11"/>
        <rFont val="SimHei"/>
        <family val="3"/>
      </rPr>
      <t>以下／</t>
    </r>
    <phoneticPr fontId="6"/>
  </si>
  <si>
    <r>
      <rPr>
        <sz val="11"/>
        <rFont val="SimHei"/>
        <family val="3"/>
      </rPr>
      <t>多氯三联苯类（</t>
    </r>
    <r>
      <rPr>
        <sz val="11"/>
        <rFont val="Arial"/>
        <family val="2"/>
      </rPr>
      <t>PCT</t>
    </r>
    <r>
      <rPr>
        <sz val="11"/>
        <rFont val="SimHei"/>
        <family val="3"/>
      </rPr>
      <t>类）／</t>
    </r>
    <phoneticPr fontId="6"/>
  </si>
  <si>
    <r>
      <rPr>
        <sz val="11"/>
        <rFont val="SimHei"/>
        <family val="3"/>
      </rPr>
      <t>氯化钴／</t>
    </r>
    <phoneticPr fontId="6"/>
  </si>
  <si>
    <r>
      <rPr>
        <sz val="11"/>
        <rFont val="SimHei"/>
        <family val="3"/>
      </rPr>
      <t>富马酸二甲酯／</t>
    </r>
    <phoneticPr fontId="6"/>
  </si>
  <si>
    <r>
      <rPr>
        <sz val="11"/>
        <rFont val="SimHei"/>
        <family val="3"/>
      </rPr>
      <t>氧化锆硅酸铝，耐火陶瓷纤维／</t>
    </r>
    <phoneticPr fontId="6"/>
  </si>
  <si>
    <r>
      <rPr>
        <sz val="11"/>
        <rFont val="SimHei"/>
        <family val="3"/>
      </rPr>
      <t>二丁基锡（</t>
    </r>
    <r>
      <rPr>
        <sz val="11"/>
        <rFont val="Arial"/>
        <family val="2"/>
      </rPr>
      <t>DBT</t>
    </r>
    <r>
      <rPr>
        <sz val="11"/>
        <rFont val="SimHei"/>
        <family val="3"/>
      </rPr>
      <t>）化合物／</t>
    </r>
    <phoneticPr fontId="6"/>
  </si>
  <si>
    <r>
      <rPr>
        <sz val="11"/>
        <rFont val="SimHei"/>
        <family val="3"/>
      </rPr>
      <t>材料中的锡的含有量在</t>
    </r>
    <r>
      <rPr>
        <sz val="11"/>
        <rFont val="Arial"/>
        <family val="2"/>
      </rPr>
      <t>1000ppm</t>
    </r>
    <r>
      <rPr>
        <sz val="11"/>
        <rFont val="SimHei"/>
        <family val="3"/>
      </rPr>
      <t>以下／</t>
    </r>
    <phoneticPr fontId="6"/>
  </si>
  <si>
    <r>
      <rPr>
        <sz val="11"/>
        <rFont val="SimHei"/>
        <family val="3"/>
      </rPr>
      <t>偶氮染料</t>
    </r>
    <r>
      <rPr>
        <sz val="11"/>
        <rFont val="宋体"/>
        <family val="3"/>
        <charset val="134"/>
      </rPr>
      <t>・</t>
    </r>
    <r>
      <rPr>
        <sz val="11"/>
        <rFont val="SimHei"/>
        <family val="3"/>
      </rPr>
      <t>颜料／</t>
    </r>
    <phoneticPr fontId="6"/>
  </si>
  <si>
    <r>
      <rPr>
        <sz val="11"/>
        <rFont val="SimHei"/>
        <family val="3"/>
      </rPr>
      <t>放射性物質／</t>
    </r>
    <phoneticPr fontId="6"/>
  </si>
  <si>
    <r>
      <rPr>
        <sz val="11"/>
        <rFont val="SimHei"/>
        <family val="3"/>
      </rPr>
      <t>全氟辛烷磺酸盐（</t>
    </r>
    <r>
      <rPr>
        <sz val="11"/>
        <rFont val="Arial"/>
        <family val="2"/>
      </rPr>
      <t>PFOS</t>
    </r>
    <r>
      <rPr>
        <sz val="11"/>
        <rFont val="SimHei"/>
        <family val="3"/>
      </rPr>
      <t>）／</t>
    </r>
    <phoneticPr fontId="6"/>
  </si>
  <si>
    <r>
      <rPr>
        <sz val="11"/>
        <rFont val="SimHei"/>
        <family val="3"/>
      </rPr>
      <t>过氯酸盐／</t>
    </r>
    <phoneticPr fontId="6"/>
  </si>
  <si>
    <r>
      <rPr>
        <sz val="11"/>
        <rFont val="SimHei"/>
        <family val="3"/>
      </rPr>
      <t>非特意添加</t>
    </r>
    <r>
      <rPr>
        <sz val="11"/>
        <rFont val="Arial"/>
        <family val="2"/>
      </rPr>
      <t xml:space="preserve"> (</t>
    </r>
    <r>
      <rPr>
        <sz val="11"/>
        <rFont val="SimHei"/>
        <family val="3"/>
      </rPr>
      <t>只有电池为调查对象。电池以外无需回答）／</t>
    </r>
    <rPh sb="17" eb="19">
      <t>デンチ</t>
    </rPh>
    <rPh sb="19" eb="21">
      <t>イガイ</t>
    </rPh>
    <rPh sb="22" eb="24">
      <t>カイトウ</t>
    </rPh>
    <rPh sb="24" eb="26">
      <t>フヨウ</t>
    </rPh>
    <phoneticPr fontId="6"/>
  </si>
  <si>
    <r>
      <rPr>
        <sz val="11"/>
        <rFont val="SimHei"/>
        <family val="3"/>
      </rPr>
      <t>铍及其化合物／</t>
    </r>
    <phoneticPr fontId="6"/>
  </si>
  <si>
    <r>
      <rPr>
        <sz val="11"/>
        <rFont val="SimHei"/>
        <family val="3"/>
      </rPr>
      <t>非有意添加，且物质，调和剂含有量在</t>
    </r>
    <r>
      <rPr>
        <sz val="11"/>
        <rFont val="Arial"/>
        <family val="2"/>
      </rPr>
      <t>50ppm</t>
    </r>
    <r>
      <rPr>
        <sz val="11"/>
        <rFont val="SimHei"/>
        <family val="3"/>
      </rPr>
      <t>以下，</t>
    </r>
    <r>
      <rPr>
        <sz val="11"/>
        <rFont val="Arial"/>
        <family val="2"/>
      </rPr>
      <t xml:space="preserve"> </t>
    </r>
    <r>
      <rPr>
        <sz val="11"/>
        <rFont val="SimHei"/>
        <family val="3"/>
      </rPr>
      <t>物质、调和剂以外的
半成品、成形品等含有量在</t>
    </r>
    <r>
      <rPr>
        <sz val="11"/>
        <rFont val="Arial"/>
        <family val="2"/>
      </rPr>
      <t>1000ppm</t>
    </r>
    <r>
      <rPr>
        <sz val="11"/>
        <rFont val="SimHei"/>
        <family val="3"/>
      </rPr>
      <t>以下，被覆材料含有量在</t>
    </r>
    <r>
      <rPr>
        <sz val="11"/>
        <rFont val="Arial"/>
        <family val="2"/>
      </rPr>
      <t>1μg/m2</t>
    </r>
    <r>
      <rPr>
        <sz val="11"/>
        <rFont val="SimHei"/>
        <family val="3"/>
      </rPr>
      <t>以下／</t>
    </r>
    <phoneticPr fontId="6"/>
  </si>
  <si>
    <r>
      <rPr>
        <sz val="11"/>
        <rFont val="SimHei"/>
        <family val="3"/>
      </rPr>
      <t>无水四硼酸，七水合四硼酸钠／</t>
    </r>
    <rPh sb="0" eb="1">
      <t>ブ</t>
    </rPh>
    <rPh sb="1" eb="2">
      <t>ミズ</t>
    </rPh>
    <rPh sb="2" eb="3">
      <t>ヨン</t>
    </rPh>
    <rPh sb="3" eb="5">
      <t>ホウサン</t>
    </rPh>
    <phoneticPr fontId="6"/>
  </si>
  <si>
    <r>
      <rPr>
        <sz val="11"/>
        <rFont val="SimHei"/>
        <family val="3"/>
      </rPr>
      <t>二辛基锡（</t>
    </r>
    <r>
      <rPr>
        <sz val="11"/>
        <rFont val="Arial"/>
        <family val="2"/>
      </rPr>
      <t>DOT</t>
    </r>
    <r>
      <rPr>
        <sz val="11"/>
        <rFont val="SimHei"/>
        <family val="3"/>
      </rPr>
      <t>）化合物／</t>
    </r>
    <phoneticPr fontId="6"/>
  </si>
  <si>
    <r>
      <rPr>
        <sz val="11"/>
        <rFont val="SimHei"/>
        <family val="3"/>
      </rPr>
      <t>氯化系阻燃剂／</t>
    </r>
    <phoneticPr fontId="6"/>
  </si>
  <si>
    <r>
      <t>(3)</t>
    </r>
    <r>
      <rPr>
        <sz val="11"/>
        <rFont val="SimHei"/>
        <family val="3"/>
      </rPr>
      <t>清洗工程中不使用（仅在</t>
    </r>
    <r>
      <rPr>
        <sz val="11"/>
        <rFont val="Arial"/>
        <family val="2"/>
      </rPr>
      <t>(2)</t>
    </r>
    <r>
      <rPr>
        <sz val="11"/>
        <rFont val="SimHei"/>
        <family val="3"/>
      </rPr>
      <t>项确认结果是</t>
    </r>
    <r>
      <rPr>
        <sz val="11"/>
        <rFont val="Arial"/>
        <family val="2"/>
      </rPr>
      <t>YES</t>
    </r>
    <r>
      <rPr>
        <sz val="11"/>
        <rFont val="SimHei"/>
        <family val="3"/>
      </rPr>
      <t>时回答）
（即便适用</t>
    </r>
    <r>
      <rPr>
        <sz val="11"/>
        <rFont val="Arial"/>
        <family val="2"/>
      </rPr>
      <t>"Not Used"="</t>
    </r>
    <r>
      <rPr>
        <sz val="11"/>
        <rFont val="SimHei"/>
        <family val="3"/>
      </rPr>
      <t>清洗工程中不使用</t>
    </r>
    <r>
      <rPr>
        <sz val="11"/>
        <rFont val="Arial"/>
        <family val="2"/>
      </rPr>
      <t>"</t>
    </r>
    <r>
      <rPr>
        <sz val="11"/>
        <rFont val="SimHei"/>
        <family val="3"/>
      </rPr>
      <t>时，关于需要清洗工程的部分，请输入清洗剂或清洗方法）／</t>
    </r>
    <phoneticPr fontId="6"/>
  </si>
  <si>
    <r>
      <rPr>
        <sz val="11"/>
        <rFont val="SimHei"/>
        <family val="3"/>
      </rPr>
      <t>清洗液：／</t>
    </r>
    <phoneticPr fontId="6"/>
  </si>
  <si>
    <r>
      <rPr>
        <sz val="11"/>
        <rFont val="SimHei"/>
        <family val="3"/>
      </rPr>
      <t>臭氧层破坏物质</t>
    </r>
    <r>
      <rPr>
        <sz val="11"/>
        <rFont val="Arial"/>
        <family val="2"/>
      </rPr>
      <t xml:space="preserve"> </t>
    </r>
    <phoneticPr fontId="6"/>
  </si>
  <si>
    <r>
      <rPr>
        <sz val="11"/>
        <rFont val="SimHei"/>
        <family val="3"/>
      </rPr>
      <t>（蒙特利尔议定书</t>
    </r>
    <r>
      <rPr>
        <sz val="11"/>
        <rFont val="Arial"/>
        <family val="2"/>
      </rPr>
      <t>Class I</t>
    </r>
    <r>
      <rPr>
        <sz val="11"/>
        <rFont val="SimHei"/>
        <family val="3"/>
      </rPr>
      <t>、</t>
    </r>
    <r>
      <rPr>
        <sz val="11"/>
        <rFont val="Arial"/>
        <family val="2"/>
      </rPr>
      <t>II</t>
    </r>
    <r>
      <rPr>
        <sz val="11"/>
        <rFont val="SimHei"/>
        <family val="3"/>
      </rPr>
      <t>为对象）／</t>
    </r>
    <phoneticPr fontId="6"/>
  </si>
  <si>
    <r>
      <rPr>
        <sz val="11"/>
        <rFont val="SimHei"/>
        <family val="3"/>
      </rPr>
      <t>清洗方法：／</t>
    </r>
    <phoneticPr fontId="6"/>
  </si>
  <si>
    <r>
      <rPr>
        <sz val="11"/>
        <rFont val="SimHei"/>
        <family val="3"/>
      </rPr>
      <t>铍及其化合物／</t>
    </r>
    <r>
      <rPr>
        <sz val="9"/>
        <rFont val="Arial"/>
        <family val="2"/>
      </rPr>
      <t>Beryllium and its compound</t>
    </r>
    <phoneticPr fontId="6"/>
  </si>
  <si>
    <t xml:space="preserve"> </t>
    <phoneticPr fontId="6"/>
  </si>
  <si>
    <r>
      <t>(2)</t>
    </r>
    <r>
      <rPr>
        <sz val="11"/>
        <rFont val="SimHei"/>
        <family val="3"/>
      </rPr>
      <t>产品中使用电路基板／</t>
    </r>
    <phoneticPr fontId="6"/>
  </si>
  <si>
    <r>
      <t xml:space="preserve">&lt; </t>
    </r>
    <r>
      <rPr>
        <sz val="9"/>
        <rFont val="SimHei"/>
        <family val="3"/>
      </rPr>
      <t>判定基准满足／</t>
    </r>
    <r>
      <rPr>
        <sz val="9"/>
        <rFont val="Arial"/>
        <family val="2"/>
      </rPr>
      <t>Meet criteria: "Applicable"</t>
    </r>
    <r>
      <rPr>
        <sz val="9"/>
        <rFont val="SimHei"/>
        <family val="3"/>
      </rPr>
      <t>、未满足／</t>
    </r>
    <r>
      <rPr>
        <sz val="9"/>
        <rFont val="Arial"/>
        <family val="2"/>
      </rPr>
      <t>Do not meet criteria: "Not Applicable" &gt;</t>
    </r>
    <phoneticPr fontId="6"/>
  </si>
  <si>
    <r>
      <rPr>
        <sz val="11"/>
        <rFont val="SimHei"/>
        <family val="3"/>
      </rPr>
      <t>木制零件</t>
    </r>
    <r>
      <rPr>
        <sz val="11"/>
        <rFont val="Arial"/>
        <family val="2"/>
      </rPr>
      <t xml:space="preserve"> </t>
    </r>
    <r>
      <rPr>
        <sz val="11"/>
        <rFont val="SimHei"/>
        <family val="3"/>
      </rPr>
      <t>：</t>
    </r>
    <r>
      <rPr>
        <sz val="11"/>
        <rFont val="Arial"/>
        <family val="2"/>
      </rPr>
      <t xml:space="preserve"> </t>
    </r>
    <r>
      <rPr>
        <sz val="11"/>
        <rFont val="SimHei"/>
        <family val="3"/>
      </rPr>
      <t>大气中浓度在</t>
    </r>
    <r>
      <rPr>
        <sz val="11"/>
        <rFont val="Arial"/>
        <family val="2"/>
      </rPr>
      <t>0.1ppm</t>
    </r>
    <r>
      <rPr>
        <sz val="11"/>
        <rFont val="SimHei"/>
        <family val="3"/>
      </rPr>
      <t>以下（腔室法），
塑料</t>
    </r>
    <r>
      <rPr>
        <sz val="11"/>
        <rFont val="Arial"/>
        <family val="2"/>
      </rPr>
      <t>/</t>
    </r>
    <r>
      <rPr>
        <sz val="11"/>
        <rFont val="SimHei"/>
        <family val="3"/>
      </rPr>
      <t>纤维等</t>
    </r>
    <r>
      <rPr>
        <sz val="11"/>
        <rFont val="Arial"/>
        <family val="2"/>
      </rPr>
      <t xml:space="preserve"> </t>
    </r>
    <r>
      <rPr>
        <sz val="11"/>
        <rFont val="SimHei"/>
        <family val="3"/>
      </rPr>
      <t>：</t>
    </r>
    <r>
      <rPr>
        <sz val="11"/>
        <rFont val="Arial"/>
        <family val="2"/>
      </rPr>
      <t xml:space="preserve"> </t>
    </r>
    <r>
      <rPr>
        <sz val="11"/>
        <rFont val="SimHei"/>
        <family val="3"/>
      </rPr>
      <t>含有量在</t>
    </r>
    <r>
      <rPr>
        <sz val="11"/>
        <rFont val="Arial"/>
        <family val="2"/>
      </rPr>
      <t>75ppm</t>
    </r>
    <r>
      <rPr>
        <sz val="11"/>
        <rFont val="SimHei"/>
        <family val="3"/>
      </rPr>
      <t>以下／</t>
    </r>
    <phoneticPr fontId="6"/>
  </si>
  <si>
    <t>Using "Thorium" in the magnetron of a microwave oven.</t>
    <phoneticPr fontId="6"/>
  </si>
  <si>
    <t>1/3</t>
    <phoneticPr fontId="6"/>
  </si>
  <si>
    <t>2/3 ~ 3/3</t>
    <phoneticPr fontId="6"/>
  </si>
  <si>
    <t>RoHS (appendix) 
1/1</t>
    <phoneticPr fontId="6"/>
  </si>
  <si>
    <t>Others (appendix)
1/2 ~ 2/2</t>
    <phoneticPr fontId="6"/>
  </si>
  <si>
    <r>
      <rPr>
        <sz val="10"/>
        <rFont val="SimHei"/>
        <family val="3"/>
      </rPr>
      <t>交付产品的质量</t>
    </r>
    <phoneticPr fontId="6"/>
  </si>
  <si>
    <r>
      <rPr>
        <sz val="11"/>
        <rFont val="SimHei"/>
        <family val="3"/>
      </rPr>
      <t>公司名称／</t>
    </r>
    <r>
      <rPr>
        <sz val="9"/>
        <rFont val="Arial"/>
        <family val="2"/>
      </rPr>
      <t>Company Name</t>
    </r>
    <rPh sb="0" eb="2">
      <t>コウシ</t>
    </rPh>
    <rPh sb="2" eb="4">
      <t>メイショウ</t>
    </rPh>
    <phoneticPr fontId="6"/>
  </si>
  <si>
    <r>
      <rPr>
        <b/>
        <u/>
        <sz val="9"/>
        <rFont val="SimHei"/>
        <family val="3"/>
      </rPr>
      <t>（注）上述确认结果为</t>
    </r>
    <r>
      <rPr>
        <b/>
        <u/>
        <sz val="9"/>
        <rFont val="Arial Unicode MS"/>
        <family val="3"/>
        <charset val="128"/>
      </rPr>
      <t>｢</t>
    </r>
    <r>
      <rPr>
        <b/>
        <u/>
        <sz val="9"/>
        <rFont val="Arial"/>
        <family val="2"/>
      </rPr>
      <t>Not Applicable</t>
    </r>
    <r>
      <rPr>
        <b/>
        <u/>
        <sz val="9"/>
        <rFont val="Arial Unicode MS"/>
        <family val="3"/>
        <charset val="128"/>
      </rPr>
      <t>｣</t>
    </r>
    <r>
      <rPr>
        <b/>
        <u/>
        <sz val="9"/>
        <rFont val="SimHei"/>
        <family val="3"/>
      </rPr>
      <t>的时候，原则上夏普不予采用。／</t>
    </r>
    <rPh sb="1" eb="2">
      <t>チュウ</t>
    </rPh>
    <phoneticPr fontId="3"/>
  </si>
  <si>
    <r>
      <rPr>
        <b/>
        <u/>
        <sz val="10"/>
        <rFont val="SimHei"/>
        <family val="3"/>
      </rPr>
      <t>（注）上述确认结果为</t>
    </r>
    <r>
      <rPr>
        <b/>
        <u/>
        <sz val="10"/>
        <rFont val="ＭＳ Ｐゴシック"/>
        <family val="3"/>
        <charset val="128"/>
      </rPr>
      <t>｢</t>
    </r>
    <r>
      <rPr>
        <b/>
        <u/>
        <sz val="10"/>
        <rFont val="Arial"/>
        <family val="2"/>
      </rPr>
      <t>Not Applicable</t>
    </r>
    <r>
      <rPr>
        <b/>
        <u/>
        <sz val="10"/>
        <rFont val="ＭＳ Ｐゴシック"/>
        <family val="3"/>
        <charset val="128"/>
      </rPr>
      <t>｣</t>
    </r>
    <r>
      <rPr>
        <b/>
        <u/>
        <sz val="10"/>
        <rFont val="SimHei"/>
        <family val="3"/>
      </rPr>
      <t>的时候，原则上夏普不予采用。／</t>
    </r>
    <phoneticPr fontId="6"/>
  </si>
  <si>
    <t xml:space="preserve">  (Former name: Report on Environmental Impact Substances Contained in the Product)</t>
  </si>
  <si>
    <r>
      <t>2</t>
    </r>
    <r>
      <rPr>
        <sz val="11"/>
        <rFont val="SimHei"/>
        <family val="3"/>
      </rPr>
      <t>）</t>
    </r>
    <r>
      <rPr>
        <sz val="11"/>
        <rFont val="Arial"/>
        <family val="2"/>
      </rPr>
      <t xml:space="preserve"> </t>
    </r>
    <r>
      <rPr>
        <sz val="11"/>
        <rFont val="SimHei"/>
        <family val="3"/>
      </rPr>
      <t>产品名称／</t>
    </r>
    <r>
      <rPr>
        <sz val="9"/>
        <rFont val="Arial"/>
        <family val="2"/>
      </rPr>
      <t>Product Name</t>
    </r>
    <rPh sb="3" eb="5">
      <t>セイヒン</t>
    </rPh>
    <rPh sb="5" eb="7">
      <t>メイショウ</t>
    </rPh>
    <rPh sb="7" eb="8">
      <t>ブメイ</t>
    </rPh>
    <phoneticPr fontId="3"/>
  </si>
  <si>
    <t>Red phosphorus</t>
    <phoneticPr fontId="6"/>
  </si>
  <si>
    <t xml:space="preserve">Used in the above (1) , and it is difficult to substitute, and a permission from the adoption decision department in Sharp was obtained.
</t>
    <phoneticPr fontId="6"/>
  </si>
  <si>
    <t>No.</t>
    <phoneticPr fontId="6"/>
  </si>
  <si>
    <t>-</t>
    <phoneticPr fontId="6"/>
  </si>
  <si>
    <t>No.</t>
    <phoneticPr fontId="6"/>
  </si>
  <si>
    <t>Ver.9.0</t>
    <phoneticPr fontId="6"/>
  </si>
  <si>
    <r>
      <rPr>
        <b/>
        <sz val="11"/>
        <color theme="0"/>
        <rFont val="SimHei"/>
        <family val="3"/>
      </rPr>
      <t>禁止使用／</t>
    </r>
    <phoneticPr fontId="6"/>
  </si>
  <si>
    <r>
      <t>B2-</t>
    </r>
    <r>
      <rPr>
        <b/>
        <sz val="12"/>
        <rFont val="SimHei"/>
        <family val="3"/>
      </rPr>
      <t>別表／</t>
    </r>
    <r>
      <rPr>
        <b/>
        <sz val="9"/>
        <rFont val="Arial"/>
        <family val="2"/>
      </rPr>
      <t>B2-Appendix</t>
    </r>
    <phoneticPr fontId="6"/>
  </si>
  <si>
    <r>
      <rPr>
        <sz val="11"/>
        <rFont val="SimHei"/>
        <family val="3"/>
      </rPr>
      <t>使用在以持续接触人体为前提制作的产品（例：电热毯</t>
    </r>
    <r>
      <rPr>
        <sz val="11"/>
        <rFont val="ＭＳ Ｐゴシック"/>
        <family val="3"/>
        <charset val="128"/>
      </rPr>
      <t>・</t>
    </r>
    <r>
      <rPr>
        <sz val="11"/>
        <rFont val="SimHei"/>
        <family val="3"/>
      </rPr>
      <t>耳机</t>
    </r>
    <r>
      <rPr>
        <sz val="11"/>
        <rFont val="ＭＳ Ｐゴシック"/>
        <family val="3"/>
        <charset val="128"/>
      </rPr>
      <t>・</t>
    </r>
    <r>
      <rPr>
        <sz val="11"/>
        <rFont val="SimHei"/>
        <family val="3"/>
      </rPr>
      <t>皮带等）的接触人体的部分／</t>
    </r>
    <phoneticPr fontId="6"/>
  </si>
  <si>
    <r>
      <rPr>
        <sz val="11"/>
        <rFont val="SimHei"/>
        <family val="3"/>
      </rPr>
      <t>用于豁免对象零件中／</t>
    </r>
    <r>
      <rPr>
        <sz val="9"/>
        <rFont val="Arial"/>
        <family val="2"/>
      </rPr>
      <t>Used for the exception items.</t>
    </r>
    <phoneticPr fontId="6"/>
  </si>
  <si>
    <r>
      <rPr>
        <b/>
        <sz val="11"/>
        <color theme="0"/>
        <rFont val="SimHei"/>
        <family val="3"/>
      </rPr>
      <t xml:space="preserve">禁止使用／
</t>
    </r>
    <r>
      <rPr>
        <b/>
        <sz val="9"/>
        <color theme="0"/>
        <rFont val="Arial"/>
        <family val="2"/>
      </rPr>
      <t>Banned</t>
    </r>
    <phoneticPr fontId="6"/>
  </si>
  <si>
    <r>
      <rPr>
        <sz val="11"/>
        <rFont val="SimHei"/>
        <family val="3"/>
      </rPr>
      <t>用于上述（</t>
    </r>
    <r>
      <rPr>
        <sz val="11"/>
        <rFont val="Arial"/>
        <family val="2"/>
      </rPr>
      <t>1</t>
    </r>
    <r>
      <rPr>
        <sz val="11"/>
        <rFont val="SimHei"/>
        <family val="3"/>
      </rPr>
      <t>）以外的情况／</t>
    </r>
    <r>
      <rPr>
        <sz val="9"/>
        <rFont val="Arial"/>
        <family val="2"/>
      </rPr>
      <t>Used in the other than the above (1).</t>
    </r>
    <phoneticPr fontId="6"/>
  </si>
  <si>
    <t>We report the following verified results on the chemical substances.</t>
    <phoneticPr fontId="6"/>
  </si>
  <si>
    <t>Note) When the result shows "Not Applicable", the product is not adopted by SHARP in principle.</t>
    <phoneticPr fontId="6"/>
  </si>
  <si>
    <t>Content in plastics is 300ppm or less. Content in others is 1000ppm or less. Regarding batteries, complying with the EU Battery Directive (2006/66/EC, 2013/56/EU).
However, in case of use in toy/products for children, answer related criteria in A2-Appendix Table.</t>
    <phoneticPr fontId="6"/>
  </si>
  <si>
    <t>When the result shows "Not Applicable", we complete the A2-Appendix where the use of each substance is detailed and attach it.</t>
    <phoneticPr fontId="6"/>
  </si>
  <si>
    <r>
      <rPr>
        <sz val="11"/>
        <rFont val="SimHei"/>
        <family val="3"/>
      </rPr>
      <t>非特意添加，且含有量在</t>
    </r>
    <r>
      <rPr>
        <sz val="11"/>
        <rFont val="Arial"/>
        <family val="2"/>
      </rPr>
      <t>100ppm</t>
    </r>
    <r>
      <rPr>
        <sz val="11"/>
        <rFont val="SimHei"/>
        <family val="3"/>
      </rPr>
      <t>以下／</t>
    </r>
    <phoneticPr fontId="6"/>
  </si>
  <si>
    <t>Content is 100ppm or less.  Not intentionally added.</t>
    <phoneticPr fontId="6"/>
  </si>
  <si>
    <t>Note) When the result shows "Not Applicable", the product is not adopted by SHARP in principle.</t>
    <phoneticPr fontId="6"/>
  </si>
  <si>
    <t>Nickel and its compound</t>
    <phoneticPr fontId="6"/>
  </si>
  <si>
    <r>
      <rPr>
        <sz val="11"/>
        <rFont val="SimHei"/>
        <family val="3"/>
      </rPr>
      <t>磷酸三（</t>
    </r>
    <r>
      <rPr>
        <sz val="11"/>
        <rFont val="Arial"/>
        <family val="2"/>
      </rPr>
      <t>2-</t>
    </r>
    <r>
      <rPr>
        <sz val="11"/>
        <rFont val="SimHei"/>
        <family val="3"/>
      </rPr>
      <t>氯乙基）酯（</t>
    </r>
    <r>
      <rPr>
        <sz val="11"/>
        <rFont val="Arial"/>
        <family val="2"/>
      </rPr>
      <t>TCEP</t>
    </r>
    <r>
      <rPr>
        <sz val="11"/>
        <rFont val="SimHei"/>
        <family val="3"/>
      </rPr>
      <t>）／</t>
    </r>
    <phoneticPr fontId="6"/>
  </si>
  <si>
    <t>Tris (2-chloroethyl) phosphate (TCEP)</t>
    <phoneticPr fontId="6"/>
  </si>
  <si>
    <r>
      <rPr>
        <sz val="11"/>
        <rFont val="SimHei"/>
        <family val="3"/>
      </rPr>
      <t>磷酸三（</t>
    </r>
    <r>
      <rPr>
        <sz val="11"/>
        <rFont val="Arial"/>
        <family val="2"/>
      </rPr>
      <t>1-</t>
    </r>
    <r>
      <rPr>
        <sz val="11"/>
        <rFont val="SimHei"/>
        <family val="3"/>
      </rPr>
      <t>甲基</t>
    </r>
    <r>
      <rPr>
        <sz val="11"/>
        <rFont val="Arial"/>
        <family val="2"/>
      </rPr>
      <t>-2-</t>
    </r>
    <r>
      <rPr>
        <sz val="11"/>
        <rFont val="SimHei"/>
        <family val="3"/>
      </rPr>
      <t>氯乙基）酯（</t>
    </r>
    <r>
      <rPr>
        <sz val="11"/>
        <rFont val="Arial"/>
        <family val="2"/>
      </rPr>
      <t>TCPP</t>
    </r>
    <r>
      <rPr>
        <sz val="11"/>
        <rFont val="SimHei"/>
        <family val="3"/>
      </rPr>
      <t>）／</t>
    </r>
    <phoneticPr fontId="6"/>
  </si>
  <si>
    <t>Tris(2-chloro-1-methylethyl) phosphate (TCPP)</t>
    <phoneticPr fontId="6"/>
  </si>
  <si>
    <r>
      <rPr>
        <sz val="11"/>
        <rFont val="SimHei"/>
        <family val="3"/>
      </rPr>
      <t>磷酸三（</t>
    </r>
    <r>
      <rPr>
        <sz val="11"/>
        <rFont val="Arial"/>
        <family val="2"/>
      </rPr>
      <t>1,3-</t>
    </r>
    <r>
      <rPr>
        <sz val="11"/>
        <rFont val="SimHei"/>
        <family val="3"/>
      </rPr>
      <t>二氯</t>
    </r>
    <r>
      <rPr>
        <sz val="11"/>
        <rFont val="Arial"/>
        <family val="2"/>
      </rPr>
      <t>-2-</t>
    </r>
    <r>
      <rPr>
        <sz val="11"/>
        <rFont val="SimHei"/>
        <family val="3"/>
      </rPr>
      <t>丙基）酯（</t>
    </r>
    <r>
      <rPr>
        <sz val="11"/>
        <rFont val="Arial"/>
        <family val="2"/>
      </rPr>
      <t>TDCPP</t>
    </r>
    <r>
      <rPr>
        <sz val="11"/>
        <rFont val="SimHei"/>
        <family val="3"/>
      </rPr>
      <t>）／</t>
    </r>
    <phoneticPr fontId="6"/>
  </si>
  <si>
    <t>Tris(1,3-dichloro-2-propyl) phosphate (TDCPP)</t>
    <phoneticPr fontId="6"/>
  </si>
  <si>
    <t>When the result shows "Not Applicable", we complete the B2-Appendix where the use of each substance is detailed and attach it.</t>
    <phoneticPr fontId="6"/>
  </si>
  <si>
    <r>
      <rPr>
        <sz val="10.5"/>
        <rFont val="SimHei"/>
        <family val="3"/>
      </rPr>
      <t>磷酸三（</t>
    </r>
    <r>
      <rPr>
        <sz val="10.5"/>
        <rFont val="Arial"/>
        <family val="2"/>
      </rPr>
      <t>1,3-</t>
    </r>
    <r>
      <rPr>
        <sz val="10.5"/>
        <rFont val="SimHei"/>
        <family val="3"/>
      </rPr>
      <t>二氯</t>
    </r>
    <r>
      <rPr>
        <sz val="10.5"/>
        <rFont val="Arial"/>
        <family val="2"/>
      </rPr>
      <t>-2-</t>
    </r>
    <r>
      <rPr>
        <sz val="10.5"/>
        <rFont val="SimHei"/>
        <family val="3"/>
      </rPr>
      <t>丙基）酯</t>
    </r>
    <r>
      <rPr>
        <sz val="10.5"/>
        <rFont val="Arial"/>
        <family val="2"/>
      </rPr>
      <t xml:space="preserve"> (TDCPP)</t>
    </r>
    <phoneticPr fontId="6"/>
  </si>
  <si>
    <r>
      <rPr>
        <sz val="10"/>
        <rFont val="SimHei"/>
        <family val="3"/>
      </rPr>
      <t>多环芳香族碳氢化合物</t>
    </r>
    <phoneticPr fontId="6"/>
  </si>
  <si>
    <t>Content is 1000ppm or less, respectively.
In case of use in toy, total content of 3 substances (DEHP, DBP, BBP) is 1000ppm or less.</t>
    <phoneticPr fontId="6"/>
  </si>
  <si>
    <t xml:space="preserve">Report on Chemical Substances Contained in the Product (ver.10.0) </t>
    <phoneticPr fontId="6"/>
  </si>
  <si>
    <t>13(b)-(II)</t>
  </si>
  <si>
    <t>Used in striking optical filter glass types, excluding applications falling under point 39 of EU RoHS directive annex III
[Expires on 21 July 2020 *2)]</t>
  </si>
  <si>
    <t>13(b)-(III)</t>
  </si>
  <si>
    <t>Used in white glass used for an optical purpose  [Expires on 21 July 2020 *2)]</t>
  </si>
  <si>
    <t>Used in every application other than the following (4)-(15).</t>
    <phoneticPr fontId="6"/>
  </si>
  <si>
    <t>13(b)-(I)</t>
  </si>
  <si>
    <t>Used in ion coloured optical filter glass types  [Expires on 21 July 2020 *2)]</t>
  </si>
  <si>
    <t>Used in glazes used for reflectance standards  [Expires on 21 July 2020 *2)]</t>
  </si>
  <si>
    <t>Used in bearing shells and bushes for refrigerant- containing hermetic scroll compressors with a stated electrical power input equal or below 9kW for heating, ventilation, air conditioning and refrigeration (HVACR) applications  [Expires on 21 July 2028 *2)]</t>
  </si>
  <si>
    <t xml:space="preserve">   It is a date to prohibit use on deliveries to SHARP. The expiry date described here is different from the date regulated by EU RoHS directive (2011/65/EU)</t>
  </si>
  <si>
    <t>Ver.10.0</t>
    <phoneticPr fontId="6"/>
  </si>
  <si>
    <t>9(b)-I</t>
    <phoneticPr fontId="6"/>
  </si>
  <si>
    <t>No.</t>
    <phoneticPr fontId="57"/>
  </si>
  <si>
    <t>TSCA *5)</t>
    <phoneticPr fontId="57"/>
  </si>
  <si>
    <t>81-15-2</t>
    <phoneticPr fontId="6"/>
  </si>
  <si>
    <t>-</t>
    <phoneticPr fontId="6"/>
  </si>
  <si>
    <t>-</t>
    <phoneticPr fontId="6"/>
  </si>
  <si>
    <t>108171-27-3</t>
  </si>
  <si>
    <t>542-75-6</t>
  </si>
  <si>
    <t>60-11-7</t>
  </si>
  <si>
    <t>7647-01-0</t>
  </si>
  <si>
    <t>12427-38-2</t>
  </si>
  <si>
    <t>134-32-7</t>
  </si>
  <si>
    <t>9002-86-2</t>
  </si>
  <si>
    <t>117-08-8</t>
  </si>
  <si>
    <t>7723-14-0</t>
    <phoneticPr fontId="6"/>
  </si>
  <si>
    <t xml:space="preserve">  </t>
    <phoneticPr fontId="57"/>
  </si>
  <si>
    <t>Yes/No</t>
  </si>
  <si>
    <t>119-61-9</t>
    <phoneticPr fontId="6"/>
  </si>
  <si>
    <t>120-83-2</t>
  </si>
  <si>
    <t>100-41-4</t>
  </si>
  <si>
    <t>71000-82-3</t>
  </si>
  <si>
    <t>29082-74-4</t>
  </si>
  <si>
    <t>No.</t>
    <phoneticPr fontId="57"/>
  </si>
  <si>
    <t>Yes/No</t>
    <phoneticPr fontId="6"/>
  </si>
  <si>
    <t>(ppm)</t>
    <phoneticPr fontId="6"/>
  </si>
  <si>
    <t xml:space="preserve">Responsible by: </t>
    <phoneticPr fontId="6"/>
  </si>
  <si>
    <t xml:space="preserve">Written by: </t>
    <phoneticPr fontId="6"/>
  </si>
  <si>
    <t>Signature or Seal:</t>
    <phoneticPr fontId="6"/>
  </si>
  <si>
    <t>Salts of 2-naphthylamine</t>
    <phoneticPr fontId="6"/>
  </si>
  <si>
    <t>553-00-4</t>
  </si>
  <si>
    <t>Salts of 2-naphthylamine&lt;2&gt;</t>
  </si>
  <si>
    <t>612-52-2</t>
  </si>
  <si>
    <t>Salts of 2-naphthylamine [group]</t>
  </si>
  <si>
    <t>SN0042</t>
  </si>
  <si>
    <t>4-Aminodiphenyl hydrochloride</t>
  </si>
  <si>
    <t>2113-61-3</t>
  </si>
  <si>
    <t>Salts of 4-Aminobiphenyl(xenylamine) [group]</t>
  </si>
  <si>
    <t>SN0044</t>
  </si>
  <si>
    <t>4-nitrobiphenyl</t>
    <phoneticPr fontId="6"/>
  </si>
  <si>
    <t>92-93-3</t>
  </si>
  <si>
    <t>Azobenzene</t>
  </si>
  <si>
    <t>103-33-3</t>
  </si>
  <si>
    <t>2,4,5-trimethylaniline hydrochloride</t>
  </si>
  <si>
    <t>21436-97-5</t>
  </si>
  <si>
    <t>SN0041</t>
  </si>
  <si>
    <t>Alkanes, C12-26-branched and linear</t>
  </si>
  <si>
    <t>90622-53-0</t>
  </si>
  <si>
    <t>4,4'-methylenediphenyl diisocyanate; diphenylmethane-4,4'-diisocyanate; Bis(4-isocyanatophenyl)methane</t>
  </si>
  <si>
    <t>101-68-8</t>
  </si>
  <si>
    <t>Methylenediphenyl diisocyanate; MDI</t>
  </si>
  <si>
    <t>26447-40-5</t>
  </si>
  <si>
    <t>Isobutane (containing ? 0.1 % butadiene (203-450-8))</t>
  </si>
  <si>
    <t>75-28-5</t>
  </si>
  <si>
    <t>2-(2-aminoethylamino)ethanol (AEEA)</t>
  </si>
  <si>
    <t>111-41-1</t>
  </si>
  <si>
    <t>2,2'-(nitrosoimino)bisethanol</t>
  </si>
  <si>
    <t>1116-54-7</t>
  </si>
  <si>
    <t>Ethanol, 2-(2-methoxyethoxy)-;2-(2-methoxyethoxy)ethanol; DEGME</t>
  </si>
  <si>
    <t>111-77-3</t>
  </si>
  <si>
    <t>2-(2-butoxyethoxy)ethanol; DEGBE</t>
  </si>
  <si>
    <t>112-34-5</t>
  </si>
  <si>
    <t>Pentachloroethane</t>
  </si>
  <si>
    <t>1,1,2-Trichloroethane</t>
  </si>
  <si>
    <t>79-00-5</t>
  </si>
  <si>
    <t>1,1,2,2-Tetrachloroethane</t>
  </si>
  <si>
    <t>79-34-5</t>
  </si>
  <si>
    <t>Chloro-1-ethylene (monomer vinyl  chloride)</t>
  </si>
  <si>
    <t>1,1-Dichloroethylene</t>
  </si>
  <si>
    <t>75-35-4</t>
  </si>
  <si>
    <t>alpha-chlorotoluene;  benzyl chloride</t>
  </si>
  <si>
    <t>100-44-7</t>
  </si>
  <si>
    <t>alpha,alpha,alpha,4-tetrachlorotoluene;  p-chlorobenzotrichloride</t>
  </si>
  <si>
    <t>5216-25-1</t>
  </si>
  <si>
    <t>alpha,alpha,alpha-trichlorotoluene;  benzotrichloride</t>
  </si>
  <si>
    <t>Chloroform</t>
  </si>
  <si>
    <t>67-66-3</t>
  </si>
  <si>
    <t>2-chloro-6-fluoro-phenol</t>
  </si>
  <si>
    <t>2040-90-6</t>
  </si>
  <si>
    <t>1,3-dichloro-2-propanol</t>
  </si>
  <si>
    <t>96-23-1</t>
  </si>
  <si>
    <t>1,2-dibromo-3-chloropropane</t>
  </si>
  <si>
    <t>1,4-dichlorobenzene</t>
  </si>
  <si>
    <t>106-46-7</t>
  </si>
  <si>
    <t>1,2,4-trichlorobenzene</t>
  </si>
  <si>
    <t>120-82-1</t>
  </si>
  <si>
    <t>Chlormethyl methyl ether;  chlorodimethyl ether</t>
  </si>
  <si>
    <t>107-30-2</t>
  </si>
  <si>
    <t>Cyclohexane</t>
  </si>
  <si>
    <t>110-82-7</t>
  </si>
  <si>
    <t>Dichloromethane</t>
  </si>
  <si>
    <t>Bromoethylene</t>
  </si>
  <si>
    <t>593-60-2</t>
  </si>
  <si>
    <t>2,3-dibromopropan-1-ol;  2,3-dibromo-1-propanol</t>
  </si>
  <si>
    <t>96-13-9</t>
  </si>
  <si>
    <t>1,1,1,2-tetrachloroethane</t>
  </si>
  <si>
    <t>630-20-6</t>
  </si>
  <si>
    <t>Toluene</t>
  </si>
  <si>
    <t>108-88-3</t>
  </si>
  <si>
    <t>Dimethylnitrosoamine;  N-nitrosodimethylamine</t>
  </si>
  <si>
    <t>62-75-9</t>
  </si>
  <si>
    <t>Dinitrotoluene</t>
  </si>
  <si>
    <t>25321-14-6</t>
  </si>
  <si>
    <t>2,3-dinitrotoluene</t>
  </si>
  <si>
    <t>602-01-7</t>
  </si>
  <si>
    <t>2,6-dinitrotoluene</t>
  </si>
  <si>
    <t>606-20-2</t>
  </si>
  <si>
    <t>3,4-dinitrotoluene</t>
  </si>
  <si>
    <t>610-39-9</t>
  </si>
  <si>
    <t>3,5-dinitrotoluene</t>
  </si>
  <si>
    <t>618-85-9</t>
  </si>
  <si>
    <t>2,5-dinitrotoluene</t>
  </si>
  <si>
    <t>619-15-8</t>
  </si>
  <si>
    <t>2-nitrotoluene</t>
  </si>
  <si>
    <t>88-72-2</t>
  </si>
  <si>
    <t>Nitrofen (ISO);  2,4-dichlorophenyl 4-nitrophenyl ether</t>
  </si>
  <si>
    <t>1836-75-5</t>
  </si>
  <si>
    <t>O-nitrobenzaldehyde</t>
  </si>
  <si>
    <t>552-89-6</t>
  </si>
  <si>
    <t>Bis (chloromethyl) ether;  oxybis(chloromethane)</t>
  </si>
  <si>
    <t>542-88-1</t>
  </si>
  <si>
    <t xml:space="preserve">Phenylhydrazine;  </t>
  </si>
  <si>
    <t>100-63-0</t>
  </si>
  <si>
    <t>Hydrazobenzene;  1,2-diphenylhydrazine</t>
  </si>
  <si>
    <t>122-66-7</t>
  </si>
  <si>
    <t>Phenylhydrazine hydrochloride;</t>
  </si>
  <si>
    <t>27140-08-5</t>
  </si>
  <si>
    <t>1,2-dimethylhydrazine</t>
  </si>
  <si>
    <t>540-73-8</t>
  </si>
  <si>
    <t>N,N-dimethylhydrazine</t>
  </si>
  <si>
    <t>57-14-7</t>
  </si>
  <si>
    <t>Phenylhydrazinium chloride;</t>
  </si>
  <si>
    <t>59-88-1</t>
  </si>
  <si>
    <t>hydrazine bis(3-carboxy-4-hydroxybenzensulfonate)</t>
  </si>
  <si>
    <t>SN0021</t>
  </si>
  <si>
    <t>hydrazine-trinitromethane</t>
  </si>
  <si>
    <t>SN0022</t>
  </si>
  <si>
    <t>salts of hydrazine [group]</t>
  </si>
  <si>
    <t>SN0048</t>
  </si>
  <si>
    <t>N-ethyl-2-pyrrolidone; 1-ethylpyrrolidin-2-one</t>
  </si>
  <si>
    <t>2687-91-4</t>
  </si>
  <si>
    <t>(E)-3-[1-[4-[2-(dimethylamino)ethoxy]pheny1]-2-phenylbut-1-enyl]phenol</t>
  </si>
  <si>
    <t>82413-20-5</t>
  </si>
  <si>
    <t>Phenols, ammonia liquor ext.;  Alkaline Extract</t>
  </si>
  <si>
    <t>84988-93-2</t>
  </si>
  <si>
    <t>Phenols, C9-11;  Distillate Phenols</t>
  </si>
  <si>
    <t>91079-47-9</t>
  </si>
  <si>
    <t>N-methylformamide</t>
  </si>
  <si>
    <t>123-39-7</t>
  </si>
  <si>
    <t>1,3-butadiene;  buta-1,3-diene</t>
  </si>
  <si>
    <t>106-99-0</t>
  </si>
  <si>
    <t>n-pentyl-isopentylphthalate</t>
  </si>
  <si>
    <t>SN0029</t>
  </si>
  <si>
    <t xml:space="preserve">Butane (containing ? 0.1 % butadiene (203-450-8));   </t>
  </si>
  <si>
    <t>106-97-8</t>
  </si>
  <si>
    <t>2-methoxypropanol</t>
  </si>
  <si>
    <t>1589-47-5</t>
  </si>
  <si>
    <t>R-2,3-epoxy-1-propanol</t>
  </si>
  <si>
    <t>57044-25-4</t>
  </si>
  <si>
    <t>2-bromopropane</t>
  </si>
  <si>
    <t>75-26-3</t>
  </si>
  <si>
    <t>1,2-dibromoethane</t>
  </si>
  <si>
    <t>106-93-4</t>
  </si>
  <si>
    <t>Direct Orange 1</t>
  </si>
  <si>
    <t>13164-93-7</t>
  </si>
  <si>
    <t>Benzidine sulphate</t>
  </si>
  <si>
    <t>21136-70-9</t>
  </si>
  <si>
    <t>4,4'-Diaminodiphenyl-2,2'-disulfonic acid disodium salt</t>
  </si>
  <si>
    <t>27336-24-9</t>
  </si>
  <si>
    <t>Benzidine acetate</t>
  </si>
  <si>
    <t>36341-27-2</t>
  </si>
  <si>
    <t>[1,1'-Biphenyl]-4,4'-diamine, dihydrochloride</t>
  </si>
  <si>
    <t>531-85-1</t>
  </si>
  <si>
    <t>Benzidine salt</t>
  </si>
  <si>
    <t>531-86-2</t>
  </si>
  <si>
    <t>3,3'-Dimethylbenzidine dihydrochloride</t>
  </si>
  <si>
    <t>612-82-8</t>
  </si>
  <si>
    <t>3,3'-Dichlorobenzidine dihydrochloride</t>
  </si>
  <si>
    <t>612-83-9</t>
  </si>
  <si>
    <t>N,N'-diacetylbenzidine</t>
  </si>
  <si>
    <t>613-35-4</t>
  </si>
  <si>
    <t>Salts of 3,3'-dichlorobenzidine;  salts of 3,3'-dichlorobiphenyl-4,4'-ylenediamine</t>
  </si>
  <si>
    <t>64969-34-2</t>
  </si>
  <si>
    <t>Salts of 4,4'-bi-o-toluidine; salts of 3,3'-dimethylbenzidine; salts of o-tolidine&lt;2&gt;</t>
  </si>
  <si>
    <t>64969-36-4</t>
  </si>
  <si>
    <t>[1,1'-Biphenyl]-4,4'-diamine, 2,2'-dichloro-, sulfate (1:1)</t>
  </si>
  <si>
    <t>70146-07-5</t>
  </si>
  <si>
    <t>Dipotassium O,O'-(4,4'-diaminobiphenyl-3,3'-ylene)diglycollate</t>
  </si>
  <si>
    <t>74220-10-3</t>
  </si>
  <si>
    <t>biphenyl-3,3',4,4'-tetrayltetraamine; diaminobenzidine</t>
  </si>
  <si>
    <t>91-95-2</t>
  </si>
  <si>
    <t>salts of 3,3'-dimethoxybenzidine [group]; salts of o-dianisidine [group]</t>
  </si>
  <si>
    <t>SN0043</t>
  </si>
  <si>
    <t>Salts or derivatives of benzidine [group]</t>
  </si>
  <si>
    <t>SN0051</t>
  </si>
  <si>
    <t>Benzene</t>
  </si>
  <si>
    <t>71-43-2</t>
  </si>
  <si>
    <t>Salts or esters of pentachlorophenol [group]</t>
  </si>
  <si>
    <t>SN0052</t>
  </si>
  <si>
    <t>Petrolatum;  Petrolatum</t>
  </si>
  <si>
    <t>Isobutyl nitrite</t>
  </si>
  <si>
    <t>542-56-3</t>
  </si>
  <si>
    <t>Refractory Ceramic Fibres, Special Purpose Fibres; [Man-made vitreous (silicate) fibres with random orientation with alkaline oxide and alkali earth oxide (Na2O+K2O+CaO+MgO+BaO) content less or equal to 18 % by weight]</t>
  </si>
  <si>
    <t>SN0077</t>
  </si>
  <si>
    <t>O-isobutyl-N-ethoxy  carbonylthiocarbamate</t>
  </si>
  <si>
    <t>103122-66-3</t>
  </si>
  <si>
    <t>1-chloro-2,3-epoxypropane;  epichlorohydrin</t>
  </si>
  <si>
    <t>106-89-8</t>
  </si>
  <si>
    <t>Acrylonitrile</t>
  </si>
  <si>
    <t>107-13-1</t>
  </si>
  <si>
    <t>(6-(4-hydroxy-3-(2-methoxyphenylazo)-2-sulfonato-7-naphthylamino)-1,3,5-triazin-2,4-diyl)bis[(amino-1-methylethyl)ammonium] formate</t>
  </si>
  <si>
    <t>108225-03-2</t>
  </si>
  <si>
    <t>2-methoxyethyl acetate;  methylglycol acetate</t>
  </si>
  <si>
    <t>110-49-6</t>
  </si>
  <si>
    <t>(methylenebis(4,1-phenylenazo(1-(3-(dimethylamino)propyl)-1,2-dihydro-6-hydroxy-4-methyl-2-oxopyridine-5,3-diyl)))-1,1'-dipyridinium dichloride dihydrochloride</t>
  </si>
  <si>
    <t>118658-99-4</t>
  </si>
  <si>
    <t>(+/-)- tetrahydrofurfuryl-(R)-2-[4-(6-chloroquinoxalin-2-yloxy)phenyloxy]propionate</t>
  </si>
  <si>
    <t>119738-06-6</t>
  </si>
  <si>
    <t>Phenyl glycidyl ether;  2,3-epoxypropyl phenyl ether;  1,2-epoxy-3-phenoxypropane</t>
  </si>
  <si>
    <t>122-60-1</t>
  </si>
  <si>
    <t>Chloroprene (stabilized);  2-chlorobuta-1,3-diene</t>
  </si>
  <si>
    <t>126-99-8</t>
  </si>
  <si>
    <t>3-amino-9-ethyl carbazole; 9-ethylcarbazol-3-ylamine</t>
  </si>
  <si>
    <t>132-32-1</t>
  </si>
  <si>
    <t>Dimethylsulfamoylchloride</t>
  </si>
  <si>
    <t>13360-57-1</t>
  </si>
  <si>
    <t>2,2'-bioxirane;  1,2:3,4-diepoxybutane</t>
  </si>
  <si>
    <t>1464-53-5</t>
  </si>
  <si>
    <t>Ethyleneimine;  aziridine</t>
  </si>
  <si>
    <t>151-56-4</t>
  </si>
  <si>
    <t>2-[2-hydroxy-3-(2-chlorophenyl)carbamoyl-1-naphthylazo]-7-[2-hydroxy-3-(3- methylphenyl)carbamoyl-1-naphthylazo]fluoren-9-one</t>
  </si>
  <si>
    <t>151798-26-4</t>
  </si>
  <si>
    <t>Trisodium [4'-(8-acetylamino-3,6-disulfonato-2-naphthylazo)-4''-(6-benzoylamino-3-sulfonato-2-naphthylazo)-biphenyl-1,3',3'',1'''-tetraolato-O,O',O'',O''']copper(II)</t>
  </si>
  <si>
    <t>164058-22-4</t>
  </si>
  <si>
    <t>potassium 1-methyl-3-morpholinocarbonyl-4-[3-(1-methyl-3-morpholinocarbonyl-5-oxo-2-pyrazolin-4-ylidene)-1-propenyl]pyrazole-5-olate [containing &gt;= 0.5 % N,N-dimethylformamide (EC No 200-679-5)]</t>
  </si>
  <si>
    <t>183196-57-8</t>
  </si>
  <si>
    <t>7-methoxy-6-(3-morpholin-4-yl-propoxy)-3H-quinazolin-4-one [containing &gt;= 0.5 % formamide (EC No 200-842-0) ]</t>
  </si>
  <si>
    <t>199327-61-2</t>
  </si>
  <si>
    <t>1-(2-amino-5-chlorophenyl)-2,2,2-trifluoro-1,1-ethanediol, hydrochloride [containing &gt;= 0.1 % 4-chloroaniline (EC No 203-401-0)]</t>
  </si>
  <si>
    <t>214353-17-0</t>
  </si>
  <si>
    <t>indium phosphide</t>
  </si>
  <si>
    <t>22398-80-7</t>
  </si>
  <si>
    <t>Tridemorph (ISO);  2,6-dimethyl-4-tridecylmorpholine</t>
  </si>
  <si>
    <t>24602-86-6</t>
  </si>
  <si>
    <t>1,4,5,8-tetraaminoanthraquinone;  C.I. Disperse Blue 1</t>
  </si>
  <si>
    <t>2475-45-8</t>
  </si>
  <si>
    <t>2,2'-methylenediphenyl diisocyanate; diphenylmethane-2,2'-diisocyanate;</t>
  </si>
  <si>
    <t>N,N-(dimethylamino)thioacetamide hydrochloride</t>
  </si>
  <si>
    <t>27366-72-9</t>
  </si>
  <si>
    <t>2,3-epoxypropyltrimethylammonium chloride;Trimethyl(oxiran-2-ylmethyl)ammonium chloride</t>
  </si>
  <si>
    <t>3033-77-0</t>
  </si>
  <si>
    <t>4-chloro-o-toluidine hydrochloride</t>
  </si>
  <si>
    <t>3165-93-3</t>
  </si>
  <si>
    <t>Diazomethane</t>
  </si>
  <si>
    <t>334-88-3</t>
  </si>
  <si>
    <t>chloro-N,N-dimethylformiminium chloride</t>
  </si>
  <si>
    <t>3724-43-4</t>
  </si>
  <si>
    <t>6-(2-chloroethyl)-6-(2-methoxyethoxy)-2,5,7,10-tetraoxa-6-silaundecane;  etacelasil</t>
  </si>
  <si>
    <t>37894-46-5</t>
  </si>
  <si>
    <t>2,4-diaminoanisole sulphate</t>
  </si>
  <si>
    <t>39156-41-7</t>
  </si>
  <si>
    <t>4-amino-3-fluorophenol</t>
  </si>
  <si>
    <t>399-95-1</t>
  </si>
  <si>
    <t>(2-chloroethyl)(3-hydroxypropyl)ammonium chloride</t>
  </si>
  <si>
    <t>40722-80-3</t>
  </si>
  <si>
    <t>Binapacryl (ISO);  2-sec-butyl-4,6-dinitrophenyl-3-methylcrotonate</t>
  </si>
  <si>
    <t>485-31-4</t>
  </si>
  <si>
    <t>R-1-chloro-2,3-epoxypropane</t>
  </si>
  <si>
    <t>51594-55-9</t>
  </si>
  <si>
    <t>Urethane (INN);  ethyl carbamate</t>
  </si>
  <si>
    <t>51-79-6</t>
  </si>
  <si>
    <t>Phenylhydrazinium sulphate (2:1)</t>
  </si>
  <si>
    <t>52033-74-6</t>
  </si>
  <si>
    <t>Tris-aziridinylphosphinoxide</t>
  </si>
  <si>
    <t>545-55-1</t>
  </si>
  <si>
    <t>2,3-epoxypropan-1-ol;  glycidol;  oxiranemethanol</t>
  </si>
  <si>
    <t>556-52-5</t>
  </si>
  <si>
    <t>cyclic 3-(1,2-ethanediylacetale)-estra-5(10),9(11)-diene-3,17-dione</t>
  </si>
  <si>
    <t>5571-36-8</t>
  </si>
  <si>
    <t>3-propanolide;  1,3-propiolactone</t>
  </si>
  <si>
    <t>57-57-8</t>
  </si>
  <si>
    <t>2-nitronaphthalene</t>
  </si>
  <si>
    <t>581-89-5</t>
  </si>
  <si>
    <t>o-(p-isocyanatobenzyl)phenyl isocyanate; diphenylmethane-2,4'-diisocyanate; 2,4'-Diphenyl methane diisocyanate</t>
  </si>
  <si>
    <t>5873-54-1</t>
  </si>
  <si>
    <t>Methyl-ONN-azoxymethyl acetate;  methyl azoxy methyl acetate</t>
  </si>
  <si>
    <t>592-62-1</t>
  </si>
  <si>
    <t>5-nitroacenaphthene</t>
  </si>
  <si>
    <t>602-87-9</t>
  </si>
  <si>
    <t>Tetrahydrothiopyran-3-carboxaldehyde</t>
  </si>
  <si>
    <t>61571-06-0</t>
  </si>
  <si>
    <t>Nitrosodipropylamine</t>
  </si>
  <si>
    <t>621-64-7</t>
  </si>
  <si>
    <t>Thioacetamide</t>
  </si>
  <si>
    <t>62-55-5</t>
  </si>
  <si>
    <t>ketoconazole; 1-[4-[4-[[(2SR,4RS)-2-(2,4-dichlorophenyl)-2-(imidazol-1-ylmethyl)-1,3-dioxolan-4-yl]methoxy]phenyl]piperazin-1-yl]ethanone</t>
  </si>
  <si>
    <t>65277-42-1</t>
  </si>
  <si>
    <t>Toluene-2,4-diammonium sulphate;  4-methyl-m-phenylenediamine sulfate</t>
  </si>
  <si>
    <t>65321-67-7</t>
  </si>
  <si>
    <t>Cycloheximide</t>
  </si>
  <si>
    <t>66-81-9</t>
  </si>
  <si>
    <t>Hexamethylphosphoric triamide;  hexamethylphosphoramide</t>
  </si>
  <si>
    <t>680-31-9</t>
  </si>
  <si>
    <t>Carbadox (INN);  methyl 3-(quinoxalin-2-ylmethylene)carbazate 1,4-dioxide;  2-(methoxycarbonylhydrazonomethyl)quinoxaline 1,4-dioxide</t>
  </si>
  <si>
    <t>4,4-isobutylethylidenediphenol</t>
  </si>
  <si>
    <t>6807-17-6</t>
  </si>
  <si>
    <t>Soap bark powder (Quillaja saponaria) and its derivatives containing saponines</t>
  </si>
  <si>
    <t>68990-67-0</t>
  </si>
  <si>
    <t>Fluazifop-butyl (ISO);  butyl (RS)-2-[4-(5-trifluoromethyl-2-pyridyloxy)phenoxy]propionate</t>
  </si>
  <si>
    <t>69806-50-4</t>
  </si>
  <si>
    <t>1-methyl-3-nitro-1-nitrosoguanidine</t>
  </si>
  <si>
    <t>70-25-7</t>
  </si>
  <si>
    <t>2-methoxypropyl acetate</t>
  </si>
  <si>
    <t>70657-70-4</t>
  </si>
  <si>
    <t>Oxiranemethanol, 4-methylbenzene-sulfonate, (S)-</t>
  </si>
  <si>
    <t>70987-78-9</t>
  </si>
  <si>
    <t>74332-73-3</t>
  </si>
  <si>
    <t>Salts of 4,4'-bi-o-toluidine; salts of 3,3'-dimethylbenzidine; salts of o-tolidine&lt;3&gt;</t>
  </si>
  <si>
    <t>74753-18-7</t>
  </si>
  <si>
    <t>Lubricating greases;  Grease</t>
  </si>
  <si>
    <t>74869-21-9</t>
  </si>
  <si>
    <t>Ethylene oxide;  oxirane</t>
  </si>
  <si>
    <t>75-21-8</t>
  </si>
  <si>
    <t>2-methylaziridine;  propyleneimine</t>
  </si>
  <si>
    <t>75-55-8</t>
  </si>
  <si>
    <t>1,4-dichlorobut-2-ene</t>
  </si>
  <si>
    <t>764-41-0</t>
  </si>
  <si>
    <t>Methyl acrylamidomethoxyacetate (containing ? 0,1 % acrylamid)</t>
  </si>
  <si>
    <t>77402-03-0</t>
  </si>
  <si>
    <t>Methyl acrylamidoglycolate (containing ? 0,1  % acrylamide)</t>
  </si>
  <si>
    <t>77402-05-2</t>
  </si>
  <si>
    <t>Potassium bromate</t>
  </si>
  <si>
    <t>Isoprene (stabilized);  2-methyl-1,3-butadiene</t>
  </si>
  <si>
    <t>78-79-5</t>
  </si>
  <si>
    <t>Dimethylcarbamoyl chloride</t>
  </si>
  <si>
    <t>79-44-7</t>
  </si>
  <si>
    <t>2-nitropropane</t>
  </si>
  <si>
    <t>79-46-9</t>
  </si>
  <si>
    <t>2-ethylhexyl[[[3,5-bis(1,1-dimethylethyl)-4-hydroxyphenyl]methyl]thio]acetate</t>
  </si>
  <si>
    <t>80387-97-9</t>
  </si>
  <si>
    <t>N-[6,9-dihydro-9-[[2-hydroxy-1-(hydroxymethyl)ethoxy] methyl]-6-oxo-1H-purin-2-yllacetamide</t>
  </si>
  <si>
    <t>84245-12-5</t>
  </si>
  <si>
    <t>6-hydroxy-1-(3-isopropoxypropyl)-4-methyl-2-oxo-5-[4-(phenylazo)phenylazo]-1,2-dihydro-3-pyridinecarbonitrile</t>
  </si>
  <si>
    <t>85136-74-9</t>
  </si>
  <si>
    <t>Flusilazole (ISO);  bis(4-fluorophenyl)(methyl)(1H-1,2,4-triazol-1-ylmethyl)silane</t>
  </si>
  <si>
    <t>85509-19-9</t>
  </si>
  <si>
    <t>Slack wax (petroleum), acid-treated;  Slack wax</t>
  </si>
  <si>
    <t>90669-77-5</t>
  </si>
  <si>
    <t>Slack wax (petroleum), clay-treated;  Slack wax</t>
  </si>
  <si>
    <t>90669-78-6</t>
  </si>
  <si>
    <t>2-nitroanisole</t>
  </si>
  <si>
    <t>91-23-6</t>
  </si>
  <si>
    <t>slimes and sludges, copper electrolyte refining, decopperised</t>
  </si>
  <si>
    <t>94551-87-8</t>
  </si>
  <si>
    <t>Safrole;  5-allyl-1,3-benzodioxole</t>
  </si>
  <si>
    <t>94-59-7</t>
  </si>
  <si>
    <t>2-butyry1-3-hydroxy-5-thiocyclo-hexan-3-yl-cyclohex-2-en-1-one</t>
  </si>
  <si>
    <t>94723-86-1</t>
  </si>
  <si>
    <t>Styrene oxide;  (epoxyethyl)benzene;  phenyloxirane</t>
  </si>
  <si>
    <t>4-tert-butylbenzoic acid</t>
  </si>
  <si>
    <t>98-73-7</t>
  </si>
  <si>
    <t>A mixture of: 1,3,5-tris(3-aminomethylphenyl)-1,3,5-(1H,3H,5H)-triazine-2,4,6-trione; a mixture of oligomers of 3,5-bis(3-aminomethylphenyl)-1-poly[3,5-bis(3-aminomethylphenyl)-2,4,6-trioxo-1,3,5-(1H,3H,5H)-triazin-1-yl]-1,3,5-(1H,3H,5H)-triazine-2,4,6-tr</t>
  </si>
  <si>
    <t>SN0003</t>
  </si>
  <si>
    <t>A mixture of: 4-[[bis-(4-fluorophenyl)methylsilyl]methyl]-4H-1,2,4-triazole; 1-[[bis-(4-fluorophenyl)methylsilyl]methyl]-1H-1,2,4-triazole</t>
  </si>
  <si>
    <t>SN0004</t>
  </si>
  <si>
    <t>A mixture of: disodium 4-(3-ethoxycarbonyl-4-(5-(3-ethoxycarbonyl-5-hydroxy-1-(4-sulfonatophenyl)pyrazol-4-yl)penta-2,4-dienylidene)-4,5-dihydro-5-oxopyrazol-1-yl)benzenesulfonate; trisodium 4-(3-ethoxycarbonyl-4-(5-(3-ethoxycarbonyl-5-oxido-1-(4-sulfonat</t>
  </si>
  <si>
    <t>SN0005</t>
  </si>
  <si>
    <t>A mixture of: N-[3-hydroxy-2-(2-methylacryloylaminomethoxy)propoxymethyl]-2-methylacrylamide; N-[2,3-bis-(2-methylacryloylaminomethoxy)propoxymethyl]-2-methylacrylamide; methacrylamide; 2-methyl-N-(2-methylacryloylaminomethoxymethyl)-acrylamide; N-(2,3-di</t>
  </si>
  <si>
    <t>SN0006</t>
  </si>
  <si>
    <t>methyl-phenylene diamine; diaminotoluene; [technical product - mixture of 4-methyl-m-phenylene diamine (EC No 202-453-1) and 2-methyl-m-phenylene diamine (EC No 212-513-9)]</t>
  </si>
  <si>
    <t>SN0025</t>
  </si>
  <si>
    <t>mixture of: dimethyl (2-(hydroxymethylcarbamoyl)ethyl)phosphonate; diethyl (2-(hydroxymethylcarbamoyl)ethyl)phosphonate; methyl ethyl (2-(hydroxymethylcarbamoyl)ethyl)phosphonate</t>
  </si>
  <si>
    <t>SN0026</t>
  </si>
  <si>
    <t>O-hexyl-N-ethoxycarbonylthiocarbamate</t>
  </si>
  <si>
    <t>SN0031</t>
  </si>
  <si>
    <t>Regarding items whose confirmatory result are "Not Applicable" in clause 2-2, "X" are entered in the result column as the result of the confirmation pursuant to the criteria.</t>
    <phoneticPr fontId="6"/>
  </si>
  <si>
    <t>　</t>
  </si>
  <si>
    <t>Banned</t>
    <phoneticPr fontId="6"/>
  </si>
  <si>
    <t>It is difficult to substitute, and a permission from the adoption decision department in Sharp was obtained.</t>
    <phoneticPr fontId="6"/>
  </si>
  <si>
    <t>(                                                                                                                                                                                                        )</t>
  </si>
  <si>
    <t>Used in the above item (1) , and it is difficult to substitute, and a permission from the adoption decision department in Sharp was obtained.</t>
    <phoneticPr fontId="6"/>
  </si>
  <si>
    <t>- 1/1 -</t>
    <phoneticPr fontId="6"/>
  </si>
  <si>
    <t>-</t>
    <phoneticPr fontId="6"/>
  </si>
  <si>
    <t>-</t>
    <phoneticPr fontId="6"/>
  </si>
  <si>
    <t>TSCA</t>
    <phoneticPr fontId="6"/>
  </si>
  <si>
    <t>1/1</t>
    <phoneticPr fontId="6"/>
  </si>
  <si>
    <t xml:space="preserve"> C (appendix).Device</t>
    <phoneticPr fontId="6"/>
  </si>
  <si>
    <t xml:space="preserve"> C. Device</t>
    <phoneticPr fontId="63"/>
  </si>
  <si>
    <t>C. Device</t>
    <phoneticPr fontId="6"/>
  </si>
  <si>
    <t>1/1</t>
    <phoneticPr fontId="6"/>
  </si>
  <si>
    <t xml:space="preserve"> </t>
  </si>
  <si>
    <r>
      <t>1</t>
    </r>
    <r>
      <rPr>
        <sz val="11"/>
        <rFont val="SimHei"/>
        <family val="3"/>
      </rPr>
      <t>）</t>
    </r>
    <r>
      <rPr>
        <sz val="11"/>
        <rFont val="Arial"/>
        <family val="2"/>
      </rPr>
      <t xml:space="preserve"> </t>
    </r>
    <r>
      <rPr>
        <sz val="11"/>
        <rFont val="SimHei"/>
        <family val="3"/>
      </rPr>
      <t>夏普零件编号／</t>
    </r>
    <r>
      <rPr>
        <sz val="9"/>
        <rFont val="Arial"/>
        <family val="2"/>
      </rPr>
      <t>Sharp Part Code</t>
    </r>
    <phoneticPr fontId="6"/>
  </si>
  <si>
    <r>
      <t xml:space="preserve">A1. </t>
    </r>
    <r>
      <rPr>
        <b/>
        <sz val="11"/>
        <rFont val="SimHei"/>
        <family val="3"/>
      </rPr>
      <t>针对全面禁止使用的化学物质在产品中的含有状况／</t>
    </r>
    <phoneticPr fontId="6"/>
  </si>
  <si>
    <r>
      <t xml:space="preserve">B2. </t>
    </r>
    <r>
      <rPr>
        <b/>
        <sz val="11"/>
        <rFont val="SimHei"/>
        <family val="3"/>
      </rPr>
      <t>附带条件禁止使用的化学物质在产品中的含有状况／</t>
    </r>
    <phoneticPr fontId="6"/>
  </si>
  <si>
    <t>salts of 2,2'-dichloro-4,4'-methylenedianiline [group]; salts of 4,4'-methylenebis(2-chloroaniline) [group]</t>
    <phoneticPr fontId="6"/>
  </si>
  <si>
    <r>
      <rPr>
        <sz val="10"/>
        <rFont val="SimHei"/>
        <family val="3"/>
      </rPr>
      <t>（削除）</t>
    </r>
    <phoneticPr fontId="6"/>
  </si>
  <si>
    <r>
      <rPr>
        <b/>
        <sz val="10"/>
        <rFont val="SimHei"/>
        <family val="3"/>
      </rPr>
      <t>关于「</t>
    </r>
    <r>
      <rPr>
        <b/>
        <sz val="10"/>
        <rFont val="Arial"/>
        <family val="2"/>
      </rPr>
      <t>Not Applicable</t>
    </r>
    <r>
      <rPr>
        <b/>
        <sz val="10"/>
        <rFont val="SimHei"/>
        <family val="3"/>
      </rPr>
      <t>」的项目，第</t>
    </r>
    <r>
      <rPr>
        <b/>
        <sz val="10"/>
        <rFont val="Arial"/>
        <family val="2"/>
      </rPr>
      <t>B2</t>
    </r>
    <r>
      <rPr>
        <b/>
        <sz val="10"/>
        <rFont val="SimHei"/>
        <family val="3"/>
      </rPr>
      <t>项的确认结果，遵循下記判定基准确认结果，该当项目的</t>
    </r>
    <r>
      <rPr>
        <b/>
        <sz val="10"/>
        <rFont val="ＭＳ Ｐゴシック"/>
        <family val="3"/>
        <charset val="128"/>
      </rPr>
      <t>｢</t>
    </r>
    <r>
      <rPr>
        <b/>
        <sz val="10"/>
        <rFont val="SimHei"/>
        <family val="3"/>
      </rPr>
      <t>确认结果</t>
    </r>
    <r>
      <rPr>
        <b/>
        <sz val="10"/>
        <rFont val="ＭＳ Ｐゴシック"/>
        <family val="3"/>
        <charset val="128"/>
      </rPr>
      <t>｣</t>
    </r>
    <r>
      <rPr>
        <b/>
        <sz val="10"/>
        <rFont val="SimHei"/>
        <family val="3"/>
      </rPr>
      <t>栏里以（</t>
    </r>
    <r>
      <rPr>
        <b/>
        <sz val="10"/>
        <rFont val="Arial"/>
        <family val="2"/>
      </rPr>
      <t>X</t>
    </r>
    <r>
      <rPr>
        <b/>
        <sz val="10"/>
        <rFont val="SimHei"/>
        <family val="3"/>
      </rPr>
      <t>）表示／</t>
    </r>
    <phoneticPr fontId="6"/>
  </si>
  <si>
    <t>It is difficult to substitute, and a permission from the adoption decision department in Sharp was obtained.</t>
    <phoneticPr fontId="6"/>
  </si>
  <si>
    <r>
      <rPr>
        <b/>
        <sz val="12"/>
        <color rgb="FFFF0000"/>
        <rFont val="SimHei"/>
        <family val="3"/>
      </rPr>
      <t>［此表无需提交］</t>
    </r>
    <phoneticPr fontId="6"/>
  </si>
  <si>
    <r>
      <rPr>
        <sz val="10"/>
        <rFont val="SimHei"/>
        <family val="3"/>
      </rPr>
      <t>请将以下信息输入（填写）至指定位置。</t>
    </r>
    <rPh sb="0" eb="2">
      <t>イカ</t>
    </rPh>
    <rPh sb="3" eb="5">
      <t>ジョウホウ</t>
    </rPh>
    <rPh sb="6" eb="8">
      <t>シテイ</t>
    </rPh>
    <rPh sb="8" eb="10">
      <t>カショ</t>
    </rPh>
    <rPh sb="11" eb="13">
      <t>ニュウリョク</t>
    </rPh>
    <rPh sb="14" eb="16">
      <t>キニュウ</t>
    </rPh>
    <phoneticPr fontId="6"/>
  </si>
  <si>
    <r>
      <rPr>
        <b/>
        <sz val="12"/>
        <rFont val="SimHei"/>
        <family val="3"/>
      </rPr>
      <t>主要参照法令一览</t>
    </r>
    <rPh sb="0" eb="1">
      <t>オモ</t>
    </rPh>
    <rPh sb="2" eb="4">
      <t>サンショウ</t>
    </rPh>
    <rPh sb="4" eb="6">
      <t>ホウレイ</t>
    </rPh>
    <rPh sb="6" eb="8">
      <t>イチラン</t>
    </rPh>
    <phoneticPr fontId="6"/>
  </si>
  <si>
    <r>
      <rPr>
        <sz val="10"/>
        <rFont val="SimHei"/>
        <family val="3"/>
      </rPr>
      <t>主要参照法令等</t>
    </r>
    <rPh sb="0" eb="1">
      <t>オモ</t>
    </rPh>
    <rPh sb="2" eb="4">
      <t>サンショウ</t>
    </rPh>
    <rPh sb="4" eb="6">
      <t>ホウレイ</t>
    </rPh>
    <rPh sb="6" eb="7">
      <t>トウ</t>
    </rPh>
    <phoneticPr fontId="6"/>
  </si>
  <si>
    <r>
      <t xml:space="preserve">A1. RoHS </t>
    </r>
    <r>
      <rPr>
        <sz val="10"/>
        <rFont val="SimHei"/>
        <family val="3"/>
      </rPr>
      <t>全面禁止</t>
    </r>
  </si>
  <si>
    <r>
      <rPr>
        <sz val="10"/>
        <rFont val="SimHei"/>
        <family val="3"/>
      </rPr>
      <t>六价铬化合物</t>
    </r>
    <phoneticPr fontId="6"/>
  </si>
  <si>
    <r>
      <t xml:space="preserve">A2. RoHS </t>
    </r>
    <r>
      <rPr>
        <sz val="10"/>
        <rFont val="SimHei"/>
        <family val="3"/>
      </rPr>
      <t>条件付禁止</t>
    </r>
  </si>
  <si>
    <r>
      <rPr>
        <sz val="10"/>
        <rFont val="SimHei"/>
        <family val="3"/>
      </rPr>
      <t>化审法</t>
    </r>
    <rPh sb="0" eb="3">
      <t>カシンホウ</t>
    </rPh>
    <phoneticPr fontId="6"/>
  </si>
  <si>
    <r>
      <rPr>
        <sz val="10"/>
        <rFont val="SimHei"/>
        <family val="3"/>
      </rPr>
      <t>三取代有机锡化合物</t>
    </r>
    <phoneticPr fontId="6"/>
  </si>
  <si>
    <r>
      <rPr>
        <sz val="10"/>
        <rFont val="SimHei"/>
        <family val="3"/>
      </rPr>
      <t>聚氯萘</t>
    </r>
    <phoneticPr fontId="6"/>
  </si>
  <si>
    <r>
      <rPr>
        <sz val="10"/>
        <rFont val="SimHei"/>
        <family val="3"/>
      </rPr>
      <t>短链氯化石蜡</t>
    </r>
    <phoneticPr fontId="6"/>
  </si>
  <si>
    <r>
      <rPr>
        <sz val="10"/>
        <rFont val="SimHei"/>
        <family val="3"/>
      </rPr>
      <t>硅酸铝、耐火陶瓷纤维</t>
    </r>
    <phoneticPr fontId="6"/>
  </si>
  <si>
    <r>
      <rPr>
        <sz val="10"/>
        <rFont val="SimHei"/>
        <family val="3"/>
      </rPr>
      <t>氧化锆硅酸铝、耐火陶瓷纤维</t>
    </r>
    <phoneticPr fontId="6"/>
  </si>
  <si>
    <r>
      <rPr>
        <sz val="10"/>
        <rFont val="SimHei"/>
        <family val="3"/>
      </rPr>
      <t>放射性物质</t>
    </r>
    <phoneticPr fontId="6"/>
  </si>
  <si>
    <r>
      <rPr>
        <sz val="10"/>
        <rFont val="SimHei"/>
        <family val="3"/>
      </rPr>
      <t>关于防止放射性同位素等导致的放射线损害的法律、关于核原料物质、核燃料物质及原子反应堆规定的法律</t>
    </r>
    <phoneticPr fontId="6"/>
  </si>
  <si>
    <r>
      <rPr>
        <sz val="10"/>
        <rFont val="SimHei"/>
        <family val="3"/>
      </rPr>
      <t>甲醛</t>
    </r>
    <phoneticPr fontId="6"/>
  </si>
  <si>
    <r>
      <rPr>
        <sz val="10"/>
        <rFont val="SimHei"/>
        <family val="3"/>
      </rPr>
      <t>德国化学品禁止规则、丹麦甲醛规定</t>
    </r>
    <rPh sb="4" eb="7">
      <t>カガクヒン</t>
    </rPh>
    <rPh sb="7" eb="9">
      <t>キンシ</t>
    </rPh>
    <rPh sb="9" eb="11">
      <t>キソクキセイ</t>
    </rPh>
    <phoneticPr fontId="6"/>
  </si>
  <si>
    <r>
      <rPr>
        <sz val="10"/>
        <rFont val="SimHei"/>
        <family val="3"/>
      </rPr>
      <t>高氯酸盐</t>
    </r>
    <phoneticPr fontId="6"/>
  </si>
  <si>
    <r>
      <rPr>
        <sz val="10"/>
        <rFont val="SimHei"/>
        <family val="3"/>
      </rPr>
      <t>砷及其化合物</t>
    </r>
    <phoneticPr fontId="6"/>
  </si>
  <si>
    <r>
      <rPr>
        <sz val="10"/>
        <rFont val="SimHei"/>
        <family val="3"/>
      </rPr>
      <t>无水四硼酸二钠、水合四硼酸二钠</t>
    </r>
    <phoneticPr fontId="6"/>
  </si>
  <si>
    <r>
      <rPr>
        <sz val="10"/>
        <rFont val="SimHei"/>
        <family val="3"/>
      </rPr>
      <t>氯系阻燃剂</t>
    </r>
    <phoneticPr fontId="6"/>
  </si>
  <si>
    <r>
      <rPr>
        <sz val="10"/>
        <rFont val="SimHei"/>
        <family val="3"/>
      </rPr>
      <t>＜夏普独有规定＞</t>
    </r>
    <rPh sb="5" eb="7">
      <t>ドクジキセイ</t>
    </rPh>
    <phoneticPr fontId="6"/>
  </si>
  <si>
    <r>
      <rPr>
        <sz val="10"/>
        <rFont val="SimHei"/>
        <family val="3"/>
      </rPr>
      <t>红磷</t>
    </r>
    <rPh sb="0" eb="1">
      <t>アカ</t>
    </rPh>
    <phoneticPr fontId="6"/>
  </si>
  <si>
    <r>
      <t xml:space="preserve">B3. </t>
    </r>
    <r>
      <rPr>
        <sz val="10"/>
        <rFont val="SimHei"/>
        <family val="3"/>
      </rPr>
      <t>臭氧层破坏物质</t>
    </r>
    <phoneticPr fontId="6"/>
  </si>
  <si>
    <r>
      <rPr>
        <sz val="10"/>
        <rFont val="SimHei"/>
        <family val="3"/>
      </rPr>
      <t>蒙特利尔议定书、美国氟利昂税</t>
    </r>
    <rPh sb="7" eb="10">
      <t>ギテイショ</t>
    </rPh>
    <rPh sb="11" eb="13">
      <t>ベイコクゼイ</t>
    </rPh>
    <phoneticPr fontId="6"/>
  </si>
  <si>
    <r>
      <rPr>
        <sz val="10"/>
        <rFont val="SimHei"/>
        <family val="3"/>
      </rPr>
      <t>备注（变更处等）</t>
    </r>
    <phoneticPr fontId="6"/>
  </si>
  <si>
    <r>
      <t xml:space="preserve">A2. RoHS </t>
    </r>
    <r>
      <rPr>
        <sz val="10"/>
        <rFont val="SimHei"/>
        <family val="3"/>
      </rPr>
      <t>附带条件禁止</t>
    </r>
    <phoneticPr fontId="6"/>
  </si>
  <si>
    <r>
      <rPr>
        <sz val="10"/>
        <rFont val="SimHei"/>
        <family val="3"/>
      </rPr>
      <t>←</t>
    </r>
    <phoneticPr fontId="6"/>
  </si>
  <si>
    <r>
      <rPr>
        <sz val="10"/>
        <rFont val="SimHei"/>
        <family val="3"/>
      </rPr>
      <t>负责人</t>
    </r>
    <r>
      <rPr>
        <sz val="10"/>
        <rFont val="Arial"/>
        <family val="2"/>
      </rPr>
      <t xml:space="preserve"> </t>
    </r>
    <r>
      <rPr>
        <sz val="10"/>
        <rFont val="SimHei"/>
        <family val="3"/>
      </rPr>
      <t>〔请签名，或盖姓名章。〕</t>
    </r>
    <phoneticPr fontId="6"/>
  </si>
  <si>
    <r>
      <t>1</t>
    </r>
    <r>
      <rPr>
        <sz val="10"/>
        <rFont val="SimHei"/>
        <family val="3"/>
      </rPr>
      <t>）</t>
    </r>
    <r>
      <rPr>
        <sz val="10"/>
        <rFont val="Arial"/>
        <family val="2"/>
      </rPr>
      <t xml:space="preserve"> </t>
    </r>
    <r>
      <rPr>
        <sz val="10"/>
        <rFont val="SimHei"/>
        <family val="3"/>
      </rPr>
      <t>夏普部件编码</t>
    </r>
  </si>
  <si>
    <r>
      <t>2</t>
    </r>
    <r>
      <rPr>
        <sz val="10"/>
        <rFont val="SimHei"/>
        <family val="3"/>
      </rPr>
      <t>）</t>
    </r>
    <r>
      <rPr>
        <sz val="10"/>
        <rFont val="Arial"/>
        <family val="2"/>
      </rPr>
      <t xml:space="preserve"> </t>
    </r>
    <r>
      <rPr>
        <sz val="10"/>
        <rFont val="SimHei"/>
        <family val="3"/>
      </rPr>
      <t>产品名称</t>
    </r>
  </si>
  <si>
    <r>
      <t>EU RoHS</t>
    </r>
    <r>
      <rPr>
        <sz val="10"/>
        <rFont val="SimHei"/>
        <family val="3"/>
      </rPr>
      <t>指令、</t>
    </r>
    <r>
      <rPr>
        <sz val="10"/>
        <rFont val="Arial"/>
        <family val="2"/>
      </rPr>
      <t>EU REACH</t>
    </r>
    <r>
      <rPr>
        <sz val="10"/>
        <rFont val="SimHei"/>
        <family val="3"/>
      </rPr>
      <t>规则</t>
    </r>
    <r>
      <rPr>
        <sz val="10"/>
        <rFont val="Arial"/>
        <family val="2"/>
      </rPr>
      <t xml:space="preserve"> </t>
    </r>
    <r>
      <rPr>
        <sz val="10"/>
        <rFont val="SimHei"/>
        <family val="3"/>
      </rPr>
      <t>附页</t>
    </r>
    <r>
      <rPr>
        <sz val="10"/>
        <rFont val="Arial"/>
        <family val="2"/>
      </rPr>
      <t>XVII</t>
    </r>
    <rPh sb="7" eb="9">
      <t>シレイ</t>
    </rPh>
    <phoneticPr fontId="6"/>
  </si>
  <si>
    <r>
      <rPr>
        <sz val="10"/>
        <rFont val="SimHei"/>
        <family val="3"/>
      </rPr>
      <t>多溴联苯醚类（</t>
    </r>
    <r>
      <rPr>
        <sz val="10"/>
        <rFont val="Arial"/>
        <family val="2"/>
      </rPr>
      <t>PBDE</t>
    </r>
    <r>
      <rPr>
        <sz val="10"/>
        <rFont val="SimHei"/>
        <family val="3"/>
      </rPr>
      <t>类）</t>
    </r>
    <phoneticPr fontId="6"/>
  </si>
  <si>
    <r>
      <rPr>
        <sz val="10"/>
        <rFont val="SimHei"/>
        <family val="3"/>
      </rPr>
      <t>化审法、</t>
    </r>
    <r>
      <rPr>
        <sz val="10"/>
        <rFont val="Arial"/>
        <family val="2"/>
      </rPr>
      <t>EU RoHS</t>
    </r>
    <r>
      <rPr>
        <sz val="10"/>
        <rFont val="SimHei"/>
        <family val="3"/>
      </rPr>
      <t>指令、</t>
    </r>
    <r>
      <rPr>
        <sz val="10"/>
        <rFont val="Arial"/>
        <family val="2"/>
      </rPr>
      <t>EU REACH</t>
    </r>
    <r>
      <rPr>
        <sz val="10"/>
        <rFont val="SimHei"/>
        <family val="3"/>
      </rPr>
      <t>规则</t>
    </r>
    <r>
      <rPr>
        <sz val="10"/>
        <rFont val="Arial"/>
        <family val="2"/>
      </rPr>
      <t xml:space="preserve"> </t>
    </r>
    <r>
      <rPr>
        <sz val="10"/>
        <rFont val="SimHei"/>
        <family val="3"/>
      </rPr>
      <t>附页</t>
    </r>
    <r>
      <rPr>
        <sz val="10"/>
        <rFont val="Arial"/>
        <family val="2"/>
      </rPr>
      <t>XVII</t>
    </r>
    <rPh sb="0" eb="3">
      <t>カシンホウ</t>
    </rPh>
    <rPh sb="11" eb="13">
      <t>シレイ</t>
    </rPh>
    <phoneticPr fontId="6"/>
  </si>
  <si>
    <r>
      <rPr>
        <sz val="10"/>
        <rFont val="SimHei"/>
        <family val="3"/>
      </rPr>
      <t>邻苯二甲酸二异丁酯（</t>
    </r>
    <r>
      <rPr>
        <sz val="10"/>
        <rFont val="Arial"/>
        <family val="2"/>
      </rPr>
      <t>DIBP</t>
    </r>
    <r>
      <rPr>
        <sz val="10"/>
        <rFont val="SimHei"/>
        <family val="3"/>
      </rPr>
      <t>）</t>
    </r>
    <phoneticPr fontId="6"/>
  </si>
  <si>
    <r>
      <t>EU RoHS</t>
    </r>
    <r>
      <rPr>
        <sz val="10"/>
        <rFont val="SimHei"/>
        <family val="3"/>
      </rPr>
      <t>指令（欧洲委员会委任指令</t>
    </r>
    <r>
      <rPr>
        <sz val="10"/>
        <rFont val="Arial"/>
        <family val="2"/>
      </rPr>
      <t>2015/863</t>
    </r>
    <r>
      <rPr>
        <sz val="10"/>
        <rFont val="SimHei"/>
        <family val="3"/>
      </rPr>
      <t>）</t>
    </r>
    <rPh sb="7" eb="9">
      <t>シレイ</t>
    </rPh>
    <rPh sb="10" eb="12">
      <t>オウシュウ</t>
    </rPh>
    <rPh sb="12" eb="15">
      <t>イインカイ</t>
    </rPh>
    <rPh sb="15" eb="17">
      <t>イニン</t>
    </rPh>
    <rPh sb="17" eb="19">
      <t>シレイ</t>
    </rPh>
    <phoneticPr fontId="6"/>
  </si>
  <si>
    <r>
      <rPr>
        <sz val="10"/>
        <rFont val="SimHei"/>
        <family val="3"/>
      </rPr>
      <t>邻苯二甲酸二辛酯（</t>
    </r>
    <r>
      <rPr>
        <sz val="10"/>
        <rFont val="Arial"/>
        <family val="2"/>
      </rPr>
      <t>DEHP</t>
    </r>
    <r>
      <rPr>
        <sz val="10"/>
        <rFont val="SimHei"/>
        <family val="3"/>
      </rPr>
      <t>）、邻苯二甲酸二丁酯（</t>
    </r>
    <r>
      <rPr>
        <sz val="10"/>
        <rFont val="Arial"/>
        <family val="2"/>
      </rPr>
      <t>DBP</t>
    </r>
    <r>
      <rPr>
        <sz val="10"/>
        <rFont val="SimHei"/>
        <family val="3"/>
      </rPr>
      <t>）、邻苯二甲酸丁苄酯（</t>
    </r>
    <r>
      <rPr>
        <sz val="10"/>
        <rFont val="Arial"/>
        <family val="2"/>
      </rPr>
      <t>BBP</t>
    </r>
    <r>
      <rPr>
        <sz val="10"/>
        <rFont val="SimHei"/>
        <family val="3"/>
      </rPr>
      <t>）</t>
    </r>
    <phoneticPr fontId="6"/>
  </si>
  <si>
    <r>
      <t>EU RoHS</t>
    </r>
    <r>
      <rPr>
        <sz val="10"/>
        <rFont val="SimHei"/>
        <family val="3"/>
      </rPr>
      <t>指令（欧洲委员会委任指令</t>
    </r>
    <r>
      <rPr>
        <sz val="10"/>
        <rFont val="Arial"/>
        <family val="2"/>
      </rPr>
      <t>2015/863</t>
    </r>
    <r>
      <rPr>
        <sz val="10"/>
        <rFont val="SimHei"/>
        <family val="3"/>
      </rPr>
      <t>）、</t>
    </r>
    <r>
      <rPr>
        <sz val="10"/>
        <rFont val="Arial"/>
        <family val="2"/>
      </rPr>
      <t>EU REACH</t>
    </r>
    <r>
      <rPr>
        <sz val="10"/>
        <rFont val="SimHei"/>
        <family val="3"/>
      </rPr>
      <t>规则</t>
    </r>
    <r>
      <rPr>
        <sz val="10"/>
        <rFont val="Arial"/>
        <family val="2"/>
      </rPr>
      <t xml:space="preserve"> </t>
    </r>
    <r>
      <rPr>
        <sz val="10"/>
        <rFont val="SimHei"/>
        <family val="3"/>
      </rPr>
      <t>附页</t>
    </r>
    <r>
      <rPr>
        <sz val="10"/>
        <rFont val="Arial"/>
        <family val="2"/>
      </rPr>
      <t>XVII</t>
    </r>
    <r>
      <rPr>
        <sz val="10"/>
        <rFont val="SimHei"/>
        <family val="3"/>
      </rPr>
      <t>、美国消费者产品安全改善法（</t>
    </r>
    <r>
      <rPr>
        <sz val="10"/>
        <rFont val="Arial"/>
        <family val="2"/>
      </rPr>
      <t>CPSIA</t>
    </r>
    <r>
      <rPr>
        <sz val="10"/>
        <rFont val="SimHei"/>
        <family val="3"/>
      </rPr>
      <t>）</t>
    </r>
    <rPh sb="7" eb="9">
      <t>シレイ</t>
    </rPh>
    <rPh sb="10" eb="12">
      <t>オウシュウ</t>
    </rPh>
    <rPh sb="12" eb="15">
      <t>イインカイ</t>
    </rPh>
    <rPh sb="15" eb="17">
      <t>イニン</t>
    </rPh>
    <rPh sb="17" eb="19">
      <t>シレイ</t>
    </rPh>
    <rPh sb="37" eb="39">
      <t>キソク</t>
    </rPh>
    <rPh sb="40" eb="43">
      <t>フゾクショ</t>
    </rPh>
    <phoneticPr fontId="6"/>
  </si>
  <si>
    <r>
      <t>EU RoHS</t>
    </r>
    <r>
      <rPr>
        <sz val="10"/>
        <rFont val="SimHei"/>
        <family val="3"/>
      </rPr>
      <t>指令、</t>
    </r>
    <r>
      <rPr>
        <sz val="10"/>
        <rFont val="Arial"/>
        <family val="2"/>
      </rPr>
      <t>EU REACH</t>
    </r>
    <r>
      <rPr>
        <sz val="10"/>
        <rFont val="SimHei"/>
        <family val="3"/>
      </rPr>
      <t>规则</t>
    </r>
    <r>
      <rPr>
        <sz val="10"/>
        <rFont val="Arial"/>
        <family val="2"/>
      </rPr>
      <t xml:space="preserve"> </t>
    </r>
    <r>
      <rPr>
        <sz val="10"/>
        <rFont val="SimHei"/>
        <family val="3"/>
      </rPr>
      <t>附页</t>
    </r>
    <r>
      <rPr>
        <sz val="10"/>
        <rFont val="Arial"/>
        <family val="2"/>
      </rPr>
      <t>XVII</t>
    </r>
    <rPh sb="7" eb="9">
      <t>シレイ</t>
    </rPh>
    <rPh sb="18" eb="20">
      <t>キソク</t>
    </rPh>
    <rPh sb="21" eb="24">
      <t>フゾクショ</t>
    </rPh>
    <phoneticPr fontId="6"/>
  </si>
  <si>
    <r>
      <t>EU RoHS</t>
    </r>
    <r>
      <rPr>
        <sz val="10"/>
        <rFont val="SimHei"/>
        <family val="3"/>
      </rPr>
      <t>指令、</t>
    </r>
    <r>
      <rPr>
        <sz val="10"/>
        <rFont val="Arial"/>
        <family val="2"/>
      </rPr>
      <t>EU REACH</t>
    </r>
    <r>
      <rPr>
        <sz val="10"/>
        <rFont val="SimHei"/>
        <family val="3"/>
      </rPr>
      <t>规则</t>
    </r>
    <r>
      <rPr>
        <sz val="10"/>
        <rFont val="Arial"/>
        <family val="2"/>
      </rPr>
      <t xml:space="preserve"> </t>
    </r>
    <r>
      <rPr>
        <sz val="10"/>
        <rFont val="SimHei"/>
        <family val="3"/>
      </rPr>
      <t>附页</t>
    </r>
    <r>
      <rPr>
        <sz val="10"/>
        <rFont val="Arial"/>
        <family val="2"/>
      </rPr>
      <t>XVII</t>
    </r>
    <r>
      <rPr>
        <sz val="10"/>
        <rFont val="SimHei"/>
        <family val="3"/>
      </rPr>
      <t>、美国消费者产品安全改善法（</t>
    </r>
    <r>
      <rPr>
        <sz val="10"/>
        <rFont val="Arial"/>
        <family val="2"/>
      </rPr>
      <t>CPSIA</t>
    </r>
    <r>
      <rPr>
        <sz val="10"/>
        <rFont val="SimHei"/>
        <family val="3"/>
      </rPr>
      <t>）</t>
    </r>
    <rPh sb="7" eb="9">
      <t>シレイ</t>
    </rPh>
    <rPh sb="29" eb="31">
      <t>ベイコク</t>
    </rPh>
    <phoneticPr fontId="6"/>
  </si>
  <si>
    <r>
      <t xml:space="preserve">B1. </t>
    </r>
    <r>
      <rPr>
        <sz val="10"/>
        <rFont val="SimHei"/>
        <family val="3"/>
      </rPr>
      <t>其他</t>
    </r>
    <r>
      <rPr>
        <sz val="10"/>
        <rFont val="Arial"/>
        <family val="2"/>
      </rPr>
      <t xml:space="preserve"> </t>
    </r>
    <r>
      <rPr>
        <sz val="10"/>
        <rFont val="SimHei"/>
        <family val="3"/>
      </rPr>
      <t>全面禁止</t>
    </r>
    <phoneticPr fontId="6"/>
  </si>
  <si>
    <r>
      <rPr>
        <sz val="10"/>
        <rFont val="SimHei"/>
        <family val="3"/>
      </rPr>
      <t>三丁基氯化锡（</t>
    </r>
    <r>
      <rPr>
        <sz val="10"/>
        <rFont val="Arial"/>
        <family val="2"/>
      </rPr>
      <t>TBTO</t>
    </r>
    <r>
      <rPr>
        <sz val="10"/>
        <rFont val="SimHei"/>
        <family val="3"/>
      </rPr>
      <t>）</t>
    </r>
    <phoneticPr fontId="6"/>
  </si>
  <si>
    <r>
      <rPr>
        <sz val="10"/>
        <rFont val="SimHei"/>
        <family val="3"/>
      </rPr>
      <t>化审法、</t>
    </r>
    <r>
      <rPr>
        <sz val="10"/>
        <rFont val="Arial"/>
        <family val="2"/>
      </rPr>
      <t>EU REACH</t>
    </r>
    <r>
      <rPr>
        <sz val="10"/>
        <rFont val="SimHei"/>
        <family val="3"/>
      </rPr>
      <t>规则</t>
    </r>
    <r>
      <rPr>
        <sz val="10"/>
        <rFont val="Arial"/>
        <family val="2"/>
      </rPr>
      <t xml:space="preserve"> </t>
    </r>
    <r>
      <rPr>
        <sz val="10"/>
        <rFont val="SimHei"/>
        <family val="3"/>
      </rPr>
      <t>附页</t>
    </r>
    <r>
      <rPr>
        <sz val="10"/>
        <rFont val="Arial"/>
        <family val="2"/>
      </rPr>
      <t>XVII</t>
    </r>
    <phoneticPr fontId="6"/>
  </si>
  <si>
    <r>
      <rPr>
        <sz val="10"/>
        <rFont val="SimHei"/>
        <family val="3"/>
      </rPr>
      <t>多氯联苯类（</t>
    </r>
    <r>
      <rPr>
        <sz val="10"/>
        <rFont val="Arial"/>
        <family val="2"/>
      </rPr>
      <t>PCB</t>
    </r>
    <r>
      <rPr>
        <sz val="10"/>
        <rFont val="SimHei"/>
        <family val="3"/>
      </rPr>
      <t>类）、_x000D_及特定代替物质</t>
    </r>
    <phoneticPr fontId="6"/>
  </si>
  <si>
    <r>
      <rPr>
        <sz val="10"/>
        <rFont val="SimHei"/>
        <family val="3"/>
      </rPr>
      <t>化审法、</t>
    </r>
    <r>
      <rPr>
        <sz val="10"/>
        <rFont val="Arial"/>
        <family val="2"/>
      </rPr>
      <t>EU POPs</t>
    </r>
    <r>
      <rPr>
        <sz val="10"/>
        <rFont val="SimHei"/>
        <family val="3"/>
      </rPr>
      <t>规则</t>
    </r>
    <r>
      <rPr>
        <sz val="10"/>
        <rFont val="Arial"/>
        <family val="2"/>
      </rPr>
      <t xml:space="preserve"> </t>
    </r>
    <r>
      <rPr>
        <sz val="10"/>
        <rFont val="SimHei"/>
        <family val="3"/>
      </rPr>
      <t>附页</t>
    </r>
    <r>
      <rPr>
        <sz val="10"/>
        <rFont val="Arial"/>
        <family val="2"/>
      </rPr>
      <t>I</t>
    </r>
    <phoneticPr fontId="6"/>
  </si>
  <si>
    <r>
      <t>EU REACH</t>
    </r>
    <r>
      <rPr>
        <sz val="10"/>
        <rFont val="SimHei"/>
        <family val="3"/>
      </rPr>
      <t>规则</t>
    </r>
    <r>
      <rPr>
        <sz val="10"/>
        <rFont val="Arial"/>
        <family val="2"/>
      </rPr>
      <t xml:space="preserve"> </t>
    </r>
    <r>
      <rPr>
        <sz val="10"/>
        <rFont val="SimHei"/>
        <family val="3"/>
      </rPr>
      <t>附页</t>
    </r>
    <r>
      <rPr>
        <sz val="10"/>
        <rFont val="Arial"/>
        <family val="2"/>
      </rPr>
      <t>XVII</t>
    </r>
    <r>
      <rPr>
        <sz val="10"/>
        <rFont val="SimHei"/>
        <family val="3"/>
      </rPr>
      <t>、</t>
    </r>
    <r>
      <rPr>
        <sz val="10"/>
        <rFont val="Arial"/>
        <family val="2"/>
      </rPr>
      <t>EU POPs</t>
    </r>
    <r>
      <rPr>
        <sz val="10"/>
        <rFont val="SimHei"/>
        <family val="3"/>
      </rPr>
      <t>规则</t>
    </r>
    <r>
      <rPr>
        <sz val="10"/>
        <rFont val="Arial"/>
        <family val="2"/>
      </rPr>
      <t xml:space="preserve"> </t>
    </r>
    <r>
      <rPr>
        <sz val="10"/>
        <rFont val="SimHei"/>
        <family val="3"/>
      </rPr>
      <t>附页</t>
    </r>
    <r>
      <rPr>
        <sz val="10"/>
        <rFont val="Arial"/>
        <family val="2"/>
      </rPr>
      <t>I</t>
    </r>
    <rPh sb="8" eb="10">
      <t>キソク</t>
    </rPh>
    <rPh sb="11" eb="14">
      <t>フゾクショ</t>
    </rPh>
    <rPh sb="26" eb="28">
      <t>キソクフゾクショ</t>
    </rPh>
    <phoneticPr fontId="6"/>
  </si>
  <si>
    <r>
      <rPr>
        <sz val="10"/>
        <rFont val="SimHei"/>
        <family val="3"/>
      </rPr>
      <t>石棉类</t>
    </r>
    <phoneticPr fontId="6"/>
  </si>
  <si>
    <r>
      <rPr>
        <sz val="10"/>
        <rFont val="SimHei"/>
        <family val="3"/>
      </rPr>
      <t>安卫法、</t>
    </r>
    <r>
      <rPr>
        <sz val="10"/>
        <rFont val="Arial"/>
        <family val="2"/>
      </rPr>
      <t>EU REACH</t>
    </r>
    <r>
      <rPr>
        <sz val="10"/>
        <rFont val="SimHei"/>
        <family val="3"/>
      </rPr>
      <t>规则</t>
    </r>
    <r>
      <rPr>
        <sz val="10"/>
        <rFont val="Arial"/>
        <family val="2"/>
      </rPr>
      <t xml:space="preserve"> </t>
    </r>
    <r>
      <rPr>
        <sz val="10"/>
        <rFont val="SimHei"/>
        <family val="3"/>
      </rPr>
      <t>附页</t>
    </r>
    <r>
      <rPr>
        <sz val="10"/>
        <rFont val="Arial"/>
        <family val="2"/>
      </rPr>
      <t>XVII</t>
    </r>
    <rPh sb="0" eb="1">
      <t>アン</t>
    </rPh>
    <rPh sb="1" eb="2">
      <t>エイ</t>
    </rPh>
    <rPh sb="2" eb="3">
      <t>ホウ</t>
    </rPh>
    <rPh sb="12" eb="14">
      <t>キソク</t>
    </rPh>
    <rPh sb="15" eb="18">
      <t>フゾクショ</t>
    </rPh>
    <phoneticPr fontId="6"/>
  </si>
  <si>
    <r>
      <rPr>
        <sz val="10"/>
        <rFont val="SimHei"/>
        <family val="3"/>
      </rPr>
      <t>聚氯联苯类</t>
    </r>
    <r>
      <rPr>
        <sz val="10"/>
        <rFont val="Arial"/>
        <family val="2"/>
      </rPr>
      <t xml:space="preserve"> </t>
    </r>
    <r>
      <rPr>
        <sz val="10"/>
        <rFont val="SimHei"/>
        <family val="3"/>
      </rPr>
      <t>（</t>
    </r>
    <r>
      <rPr>
        <sz val="10"/>
        <rFont val="Arial"/>
        <family val="2"/>
      </rPr>
      <t>PCT</t>
    </r>
    <r>
      <rPr>
        <sz val="10"/>
        <rFont val="SimHei"/>
        <family val="3"/>
      </rPr>
      <t>类）</t>
    </r>
    <phoneticPr fontId="6"/>
  </si>
  <si>
    <r>
      <t>EU REACH</t>
    </r>
    <r>
      <rPr>
        <sz val="10"/>
        <rFont val="SimHei"/>
        <family val="3"/>
      </rPr>
      <t>规则</t>
    </r>
    <r>
      <rPr>
        <sz val="10"/>
        <rFont val="Arial"/>
        <family val="2"/>
      </rPr>
      <t xml:space="preserve"> </t>
    </r>
    <r>
      <rPr>
        <sz val="10"/>
        <rFont val="SimHei"/>
        <family val="3"/>
      </rPr>
      <t>附页</t>
    </r>
    <r>
      <rPr>
        <sz val="10"/>
        <rFont val="Arial"/>
        <family val="2"/>
      </rPr>
      <t>XVII</t>
    </r>
    <rPh sb="8" eb="10">
      <t>キソク</t>
    </rPh>
    <rPh sb="11" eb="14">
      <t>フゾクショ</t>
    </rPh>
    <phoneticPr fontId="6"/>
  </si>
  <si>
    <r>
      <t>2-(2H)-</t>
    </r>
    <r>
      <rPr>
        <sz val="10"/>
        <rFont val="SimHei"/>
        <family val="3"/>
      </rPr>
      <t>苯并三氮唑</t>
    </r>
    <r>
      <rPr>
        <sz val="10"/>
        <rFont val="Arial"/>
        <family val="2"/>
      </rPr>
      <t>-2-</t>
    </r>
    <r>
      <rPr>
        <sz val="10"/>
        <rFont val="SimHei"/>
        <family val="3"/>
      </rPr>
      <t>基</t>
    </r>
    <r>
      <rPr>
        <sz val="10"/>
        <rFont val="Arial"/>
        <family val="2"/>
      </rPr>
      <t>)-4,6-</t>
    </r>
    <r>
      <rPr>
        <sz val="10"/>
        <rFont val="SimHei"/>
        <family val="3"/>
      </rPr>
      <t>双</t>
    </r>
    <r>
      <rPr>
        <sz val="10"/>
        <rFont val="Arial"/>
        <family val="2"/>
      </rPr>
      <t>(1,1-</t>
    </r>
    <r>
      <rPr>
        <sz val="10"/>
        <rFont val="SimHei"/>
        <family val="3"/>
      </rPr>
      <t>二甲基乙基</t>
    </r>
    <r>
      <rPr>
        <sz val="10"/>
        <rFont val="Arial"/>
        <family val="2"/>
      </rPr>
      <t>)</t>
    </r>
    <r>
      <rPr>
        <sz val="10"/>
        <rFont val="SimHei"/>
        <family val="3"/>
      </rPr>
      <t>苯酚</t>
    </r>
    <phoneticPr fontId="6"/>
  </si>
  <si>
    <r>
      <rPr>
        <sz val="10"/>
        <rFont val="SimHei"/>
        <family val="3"/>
      </rPr>
      <t>化审法、</t>
    </r>
    <r>
      <rPr>
        <sz val="10"/>
        <rFont val="Arial"/>
        <family val="2"/>
      </rPr>
      <t>EU POPs</t>
    </r>
    <r>
      <rPr>
        <sz val="10"/>
        <rFont val="SimHei"/>
        <family val="3"/>
      </rPr>
      <t>规则</t>
    </r>
    <rPh sb="0" eb="3">
      <t>カシンホウ</t>
    </rPh>
    <rPh sb="11" eb="13">
      <t>キソク</t>
    </rPh>
    <phoneticPr fontId="6"/>
  </si>
  <si>
    <r>
      <rPr>
        <sz val="10"/>
        <rFont val="SimHei"/>
        <family val="3"/>
      </rPr>
      <t>（</t>
    </r>
    <r>
      <rPr>
        <sz val="10"/>
        <rFont val="Arial"/>
        <family val="2"/>
      </rPr>
      <t>EU REACH</t>
    </r>
    <r>
      <rPr>
        <sz val="10"/>
        <rFont val="SimHei"/>
        <family val="3"/>
      </rPr>
      <t>规则）※</t>
    </r>
    <rPh sb="9" eb="11">
      <t>キソク</t>
    </rPh>
    <phoneticPr fontId="6"/>
  </si>
  <si>
    <r>
      <rPr>
        <sz val="10"/>
        <rFont val="SimHei"/>
        <family val="3"/>
      </rPr>
      <t>富马酸二甲酯</t>
    </r>
    <phoneticPr fontId="6"/>
  </si>
  <si>
    <r>
      <rPr>
        <sz val="10"/>
        <rFont val="SimHei"/>
        <family val="3"/>
      </rPr>
      <t>（</t>
    </r>
    <r>
      <rPr>
        <sz val="10"/>
        <rFont val="Arial"/>
        <family val="2"/>
      </rPr>
      <t>EU REACH</t>
    </r>
    <r>
      <rPr>
        <sz val="10"/>
        <rFont val="SimHei"/>
        <family val="3"/>
      </rPr>
      <t>规则）</t>
    </r>
    <rPh sb="9" eb="11">
      <t>キソク</t>
    </rPh>
    <phoneticPr fontId="6"/>
  </si>
  <si>
    <r>
      <t xml:space="preserve">EU REACH </t>
    </r>
    <r>
      <rPr>
        <sz val="10"/>
        <rFont val="SimHei"/>
        <family val="3"/>
      </rPr>
      <t>附页</t>
    </r>
    <r>
      <rPr>
        <sz val="10"/>
        <rFont val="Arial"/>
        <family val="2"/>
      </rPr>
      <t>XVII</t>
    </r>
    <rPh sb="9" eb="12">
      <t>フゾクショ</t>
    </rPh>
    <phoneticPr fontId="6"/>
  </si>
  <si>
    <r>
      <t xml:space="preserve">B2. </t>
    </r>
    <r>
      <rPr>
        <sz val="10"/>
        <rFont val="SimHei"/>
        <family val="3"/>
      </rPr>
      <t>其他</t>
    </r>
    <r>
      <rPr>
        <sz val="10"/>
        <rFont val="Arial"/>
        <family val="2"/>
      </rPr>
      <t xml:space="preserve"> </t>
    </r>
    <r>
      <rPr>
        <sz val="10"/>
        <rFont val="SimHei"/>
        <family val="3"/>
      </rPr>
      <t>带条件禁止</t>
    </r>
    <phoneticPr fontId="6"/>
  </si>
  <si>
    <r>
      <rPr>
        <sz val="10"/>
        <rFont val="SimHei"/>
        <family val="3"/>
      </rPr>
      <t>聚氯乙烯及其共重合体</t>
    </r>
    <phoneticPr fontId="6"/>
  </si>
  <si>
    <r>
      <t>RoHS</t>
    </r>
    <r>
      <rPr>
        <sz val="10"/>
        <rFont val="SimHei"/>
        <family val="3"/>
      </rPr>
      <t>相关邻苯二甲酸酯</t>
    </r>
    <r>
      <rPr>
        <sz val="10"/>
        <rFont val="Arial"/>
        <family val="2"/>
      </rPr>
      <t>4</t>
    </r>
    <r>
      <rPr>
        <sz val="10"/>
        <rFont val="SimHei"/>
        <family val="3"/>
      </rPr>
      <t>种物质以外的邻苯二甲酸酯类</t>
    </r>
    <phoneticPr fontId="6"/>
  </si>
  <si>
    <r>
      <t>EU REACH</t>
    </r>
    <r>
      <rPr>
        <sz val="10"/>
        <rFont val="SimHei"/>
        <family val="3"/>
      </rPr>
      <t>规则</t>
    </r>
    <r>
      <rPr>
        <sz val="10"/>
        <rFont val="Arial"/>
        <family val="2"/>
      </rPr>
      <t xml:space="preserve"> </t>
    </r>
    <r>
      <rPr>
        <sz val="10"/>
        <rFont val="SimHei"/>
        <family val="3"/>
      </rPr>
      <t>附页</t>
    </r>
    <r>
      <rPr>
        <sz val="10"/>
        <rFont val="Arial"/>
        <family val="2"/>
      </rPr>
      <t>XVII</t>
    </r>
    <r>
      <rPr>
        <sz val="10"/>
        <rFont val="SimHei"/>
        <family val="3"/>
      </rPr>
      <t>、美国消费者产品安全改善法（</t>
    </r>
    <r>
      <rPr>
        <sz val="10"/>
        <rFont val="Arial"/>
        <family val="2"/>
      </rPr>
      <t>CPSIA</t>
    </r>
    <r>
      <rPr>
        <sz val="10"/>
        <rFont val="SimHei"/>
        <family val="3"/>
      </rPr>
      <t>）</t>
    </r>
    <phoneticPr fontId="6"/>
  </si>
  <si>
    <r>
      <rPr>
        <sz val="10"/>
        <rFont val="SimHei"/>
        <family val="3"/>
      </rPr>
      <t>全氟辛烷磺酸盐（</t>
    </r>
    <r>
      <rPr>
        <sz val="10"/>
        <rFont val="Arial"/>
        <family val="2"/>
      </rPr>
      <t>PFOS</t>
    </r>
    <r>
      <rPr>
        <sz val="10"/>
        <rFont val="SimHei"/>
        <family val="3"/>
      </rPr>
      <t>）</t>
    </r>
    <phoneticPr fontId="6"/>
  </si>
  <si>
    <r>
      <rPr>
        <sz val="10"/>
        <rFont val="SimHei"/>
        <family val="3"/>
      </rPr>
      <t>化审法、</t>
    </r>
    <r>
      <rPr>
        <sz val="10"/>
        <rFont val="Arial"/>
        <family val="2"/>
      </rPr>
      <t>EU POPs</t>
    </r>
    <r>
      <rPr>
        <sz val="10"/>
        <rFont val="SimHei"/>
        <family val="3"/>
      </rPr>
      <t>规则</t>
    </r>
    <r>
      <rPr>
        <sz val="10"/>
        <rFont val="Arial"/>
        <family val="2"/>
      </rPr>
      <t xml:space="preserve"> </t>
    </r>
    <r>
      <rPr>
        <sz val="10"/>
        <rFont val="SimHei"/>
        <family val="3"/>
      </rPr>
      <t>附页</t>
    </r>
    <r>
      <rPr>
        <sz val="10"/>
        <rFont val="Arial"/>
        <family val="2"/>
      </rPr>
      <t>I</t>
    </r>
    <r>
      <rPr>
        <sz val="10"/>
        <rFont val="SimHei"/>
        <family val="3"/>
      </rPr>
      <t>、加拿大环保法</t>
    </r>
    <rPh sb="0" eb="3">
      <t>カシンホウ</t>
    </rPh>
    <rPh sb="11" eb="13">
      <t>キソク</t>
    </rPh>
    <rPh sb="14" eb="17">
      <t>フゾクショ</t>
    </rPh>
    <rPh sb="22" eb="24">
      <t>カンキョウホゴホウ</t>
    </rPh>
    <phoneticPr fontId="6"/>
  </si>
  <si>
    <r>
      <rPr>
        <sz val="10"/>
        <rFont val="SimHei"/>
        <family val="3"/>
      </rPr>
      <t>氟系温室效应气体（</t>
    </r>
    <r>
      <rPr>
        <sz val="10"/>
        <rFont val="Arial"/>
        <family val="2"/>
      </rPr>
      <t>HFC/PFC/SF6</t>
    </r>
    <r>
      <rPr>
        <sz val="10"/>
        <rFont val="SimHei"/>
        <family val="3"/>
      </rPr>
      <t>）</t>
    </r>
    <phoneticPr fontId="6"/>
  </si>
  <si>
    <r>
      <t>EU F</t>
    </r>
    <r>
      <rPr>
        <sz val="10"/>
        <rFont val="SimHei"/>
        <family val="3"/>
      </rPr>
      <t>气体规定（</t>
    </r>
    <r>
      <rPr>
        <sz val="10"/>
        <rFont val="Arial"/>
        <family val="2"/>
      </rPr>
      <t>517/2014</t>
    </r>
    <r>
      <rPr>
        <sz val="10"/>
        <rFont val="SimHei"/>
        <family val="3"/>
      </rPr>
      <t>）</t>
    </r>
    <rPh sb="6" eb="8">
      <t>キソク</t>
    </rPh>
    <phoneticPr fontId="6"/>
  </si>
  <si>
    <r>
      <rPr>
        <sz val="10"/>
        <rFont val="SimHei"/>
        <family val="3"/>
      </rPr>
      <t>美国加州</t>
    </r>
    <r>
      <rPr>
        <sz val="10"/>
        <rFont val="Arial"/>
        <family val="2"/>
      </rPr>
      <t xml:space="preserve"> </t>
    </r>
    <r>
      <rPr>
        <sz val="10"/>
        <rFont val="SimHei"/>
        <family val="3"/>
      </rPr>
      <t>高氯酸盐管理规则</t>
    </r>
    <rPh sb="0" eb="2">
      <t>ベイコク</t>
    </rPh>
    <rPh sb="2" eb="3">
      <t>カ</t>
    </rPh>
    <rPh sb="3" eb="4">
      <t>シュウ</t>
    </rPh>
    <rPh sb="5" eb="6">
      <t>カ</t>
    </rPh>
    <rPh sb="6" eb="8">
      <t>エンソ</t>
    </rPh>
    <rPh sb="8" eb="9">
      <t>サン</t>
    </rPh>
    <rPh sb="9" eb="10">
      <t>エン</t>
    </rPh>
    <rPh sb="10" eb="12">
      <t>カンリキソク</t>
    </rPh>
    <phoneticPr fontId="6"/>
  </si>
  <si>
    <r>
      <rPr>
        <sz val="10"/>
        <rFont val="SimHei"/>
        <family val="3"/>
      </rPr>
      <t>镍及其化合物</t>
    </r>
    <phoneticPr fontId="6"/>
  </si>
  <si>
    <r>
      <rPr>
        <sz val="10"/>
        <rFont val="SimHei"/>
        <family val="3"/>
      </rPr>
      <t>硼酸</t>
    </r>
    <phoneticPr fontId="6"/>
  </si>
  <si>
    <r>
      <rPr>
        <sz val="10"/>
        <rFont val="SimHei"/>
        <family val="3"/>
      </rPr>
      <t>二辛基锡化合物</t>
    </r>
    <r>
      <rPr>
        <sz val="10"/>
        <rFont val="Arial"/>
        <family val="2"/>
      </rPr>
      <t xml:space="preserve"> </t>
    </r>
    <r>
      <rPr>
        <sz val="10"/>
        <rFont val="SimHei"/>
        <family val="3"/>
      </rPr>
      <t>（</t>
    </r>
    <r>
      <rPr>
        <sz val="10"/>
        <rFont val="Arial"/>
        <family val="2"/>
      </rPr>
      <t>DOT</t>
    </r>
    <r>
      <rPr>
        <sz val="10"/>
        <rFont val="SimHei"/>
        <family val="3"/>
      </rPr>
      <t>）</t>
    </r>
    <phoneticPr fontId="6"/>
  </si>
  <si>
    <r>
      <rPr>
        <sz val="10"/>
        <rFont val="SimHei"/>
        <family val="3"/>
      </rPr>
      <t>全氟辛酸铵（</t>
    </r>
    <r>
      <rPr>
        <sz val="10"/>
        <rFont val="Arial"/>
        <family val="2"/>
      </rPr>
      <t>PFOA</t>
    </r>
    <r>
      <rPr>
        <sz val="10"/>
        <rFont val="SimHei"/>
        <family val="3"/>
      </rPr>
      <t>）和其盐及其酯</t>
    </r>
    <phoneticPr fontId="6"/>
  </si>
  <si>
    <r>
      <rPr>
        <sz val="10"/>
        <rFont val="SimHei"/>
        <family val="3"/>
      </rPr>
      <t>挪威</t>
    </r>
    <r>
      <rPr>
        <sz val="10"/>
        <rFont val="Arial"/>
        <family val="2"/>
      </rPr>
      <t xml:space="preserve"> </t>
    </r>
    <r>
      <rPr>
        <sz val="10"/>
        <rFont val="SimHei"/>
        <family val="3"/>
      </rPr>
      <t>有害化学物质及其他产品使用限制相关规则</t>
    </r>
    <rPh sb="0" eb="22">
      <t>キソク</t>
    </rPh>
    <phoneticPr fontId="6"/>
  </si>
  <si>
    <r>
      <rPr>
        <sz val="10"/>
        <rFont val="SimHei"/>
        <family val="3"/>
      </rPr>
      <t>美国佛蒙特州</t>
    </r>
    <r>
      <rPr>
        <sz val="10"/>
        <rFont val="Arial"/>
        <family val="2"/>
      </rPr>
      <t>Act85</t>
    </r>
    <r>
      <rPr>
        <sz val="10"/>
        <rFont val="SimHei"/>
        <family val="3"/>
      </rPr>
      <t>、（</t>
    </r>
    <r>
      <rPr>
        <sz val="10"/>
        <rFont val="Arial"/>
        <family val="2"/>
      </rPr>
      <t>EU REACH</t>
    </r>
    <r>
      <rPr>
        <sz val="10"/>
        <rFont val="SimHei"/>
        <family val="3"/>
      </rPr>
      <t>规则）</t>
    </r>
    <rPh sb="0" eb="2">
      <t>ベイコク</t>
    </rPh>
    <rPh sb="7" eb="8">
      <t>シュウキソク</t>
    </rPh>
    <phoneticPr fontId="6"/>
  </si>
  <si>
    <r>
      <rPr>
        <sz val="10"/>
        <rFont val="SimHei"/>
        <family val="3"/>
      </rPr>
      <t>磷酸三氯丙脂（</t>
    </r>
    <r>
      <rPr>
        <sz val="10"/>
        <rFont val="Arial"/>
        <family val="2"/>
      </rPr>
      <t>TCPP</t>
    </r>
    <r>
      <rPr>
        <sz val="10"/>
        <rFont val="SimHei"/>
        <family val="3"/>
      </rPr>
      <t>）</t>
    </r>
    <phoneticPr fontId="6"/>
  </si>
  <si>
    <r>
      <rPr>
        <sz val="10"/>
        <rFont val="SimHei"/>
        <family val="3"/>
      </rPr>
      <t>美国佛蒙特州</t>
    </r>
    <r>
      <rPr>
        <sz val="10"/>
        <rFont val="Arial"/>
        <family val="2"/>
      </rPr>
      <t>Act85</t>
    </r>
    <r>
      <rPr>
        <sz val="10"/>
        <rFont val="ＭＳ Ｐゴシック"/>
        <family val="3"/>
        <charset val="128"/>
      </rPr>
      <t/>
    </r>
    <rPh sb="0" eb="2">
      <t>ベイコク</t>
    </rPh>
    <rPh sb="7" eb="8">
      <t>シュウ</t>
    </rPh>
    <phoneticPr fontId="6"/>
  </si>
  <si>
    <r>
      <rPr>
        <sz val="10"/>
        <rFont val="SimHei"/>
        <family val="3"/>
      </rPr>
      <t>多环芳烃（</t>
    </r>
    <r>
      <rPr>
        <sz val="10"/>
        <rFont val="Arial"/>
        <family val="2"/>
      </rPr>
      <t>PAH</t>
    </r>
    <r>
      <rPr>
        <sz val="10"/>
        <rFont val="SimHei"/>
        <family val="3"/>
      </rPr>
      <t>）</t>
    </r>
    <phoneticPr fontId="6"/>
  </si>
  <si>
    <r>
      <t>EU REACH</t>
    </r>
    <r>
      <rPr>
        <sz val="10"/>
        <rFont val="SimHei"/>
        <family val="3"/>
      </rPr>
      <t>规则</t>
    </r>
    <r>
      <rPr>
        <sz val="10"/>
        <rFont val="Arial"/>
        <family val="2"/>
      </rPr>
      <t xml:space="preserve"> </t>
    </r>
    <r>
      <rPr>
        <sz val="10"/>
        <rFont val="SimHei"/>
        <family val="3"/>
      </rPr>
      <t>附页</t>
    </r>
    <r>
      <rPr>
        <sz val="10"/>
        <rFont val="Arial"/>
        <family val="2"/>
      </rPr>
      <t>XVII</t>
    </r>
    <rPh sb="11" eb="14">
      <t>フゾクショ</t>
    </rPh>
    <phoneticPr fontId="6"/>
  </si>
  <si>
    <r>
      <rPr>
        <sz val="10"/>
        <rFont val="SimHei"/>
        <family val="3"/>
      </rPr>
      <t>＜夏普独有规定＞</t>
    </r>
    <phoneticPr fontId="6"/>
  </si>
  <si>
    <r>
      <rPr>
        <sz val="10"/>
        <rFont val="SimHei"/>
        <family val="3"/>
      </rPr>
      <t>臭氧层破坏物质</t>
    </r>
    <phoneticPr fontId="6"/>
  </si>
  <si>
    <r>
      <rPr>
        <sz val="10"/>
        <rFont val="SimHei"/>
        <family val="3"/>
      </rPr>
      <t>※</t>
    </r>
    <r>
      <rPr>
        <sz val="10"/>
        <rFont val="Arial"/>
        <family val="2"/>
      </rPr>
      <t xml:space="preserve"> “</t>
    </r>
    <r>
      <rPr>
        <sz val="10"/>
        <rFont val="SimHei"/>
        <family val="3"/>
      </rPr>
      <t>（</t>
    </r>
    <r>
      <rPr>
        <sz val="10"/>
        <rFont val="Arial"/>
        <family val="2"/>
      </rPr>
      <t>EU REACH</t>
    </r>
    <r>
      <rPr>
        <sz val="10"/>
        <rFont val="SimHei"/>
        <family val="3"/>
      </rPr>
      <t>规则）</t>
    </r>
    <r>
      <rPr>
        <sz val="10"/>
        <rFont val="Arial"/>
        <family val="2"/>
      </rPr>
      <t>”</t>
    </r>
    <r>
      <rPr>
        <sz val="10"/>
        <rFont val="SimHei"/>
        <family val="3"/>
      </rPr>
      <t>的记载为列为许可对象</t>
    </r>
    <r>
      <rPr>
        <sz val="10"/>
        <rFont val="Arial"/>
        <family val="2"/>
      </rPr>
      <t>SVHC</t>
    </r>
    <r>
      <rPr>
        <sz val="10"/>
        <rFont val="SimHei"/>
        <family val="3"/>
      </rPr>
      <t>之意</t>
    </r>
    <rPh sb="17" eb="19">
      <t>キサイ</t>
    </rPh>
    <rPh sb="20" eb="22">
      <t>ニンカ</t>
    </rPh>
    <rPh sb="22" eb="24">
      <t>タイショウイ</t>
    </rPh>
    <phoneticPr fontId="6"/>
  </si>
  <si>
    <r>
      <rPr>
        <sz val="10"/>
        <rFont val="SimHei"/>
        <family val="3"/>
      </rPr>
      <t>邻苯二甲酸</t>
    </r>
    <r>
      <rPr>
        <sz val="10"/>
        <rFont val="Arial"/>
        <family val="2"/>
      </rPr>
      <t>(2-</t>
    </r>
    <r>
      <rPr>
        <sz val="10"/>
        <rFont val="SimHei"/>
        <family val="3"/>
      </rPr>
      <t>乙基己基酯</t>
    </r>
    <r>
      <rPr>
        <sz val="10"/>
        <rFont val="Arial"/>
        <family val="2"/>
      </rPr>
      <t>)</t>
    </r>
    <r>
      <rPr>
        <sz val="10"/>
        <rFont val="SimHei"/>
        <family val="3"/>
      </rPr>
      <t>（</t>
    </r>
    <r>
      <rPr>
        <sz val="10"/>
        <rFont val="Arial"/>
        <family val="2"/>
      </rPr>
      <t>DEHP</t>
    </r>
    <r>
      <rPr>
        <sz val="10"/>
        <rFont val="SimHei"/>
        <family val="3"/>
      </rPr>
      <t>）、邻苯二甲酸二丁酯（</t>
    </r>
    <r>
      <rPr>
        <sz val="10"/>
        <rFont val="Arial"/>
        <family val="2"/>
      </rPr>
      <t>DBP</t>
    </r>
    <r>
      <rPr>
        <sz val="10"/>
        <rFont val="SimHei"/>
        <family val="3"/>
      </rPr>
      <t>）、邻苯二甲酸丁苄酯（</t>
    </r>
    <r>
      <rPr>
        <sz val="10"/>
        <rFont val="Arial"/>
        <family val="2"/>
      </rPr>
      <t>BBP</t>
    </r>
    <r>
      <rPr>
        <sz val="10"/>
        <rFont val="SimHei"/>
        <family val="3"/>
      </rPr>
      <t>）</t>
    </r>
    <r>
      <rPr>
        <sz val="10"/>
        <color rgb="FFFF0000"/>
        <rFont val="Arial"/>
        <family val="2"/>
      </rPr>
      <t/>
    </r>
    <phoneticPr fontId="6"/>
  </si>
  <si>
    <r>
      <rPr>
        <sz val="10"/>
        <rFont val="SimHei"/>
        <family val="3"/>
      </rPr>
      <t>更改附表中的确认内容（判断标准）</t>
    </r>
    <r>
      <rPr>
        <sz val="10"/>
        <rFont val="Arial"/>
        <family val="2"/>
      </rPr>
      <t xml:space="preserve"> </t>
    </r>
    <r>
      <rPr>
        <sz val="10"/>
        <rFont val="SimHei"/>
        <family val="3"/>
      </rPr>
      <t>（配合</t>
    </r>
    <r>
      <rPr>
        <sz val="10"/>
        <rFont val="Arial"/>
        <family val="2"/>
      </rPr>
      <t>EU RoHS</t>
    </r>
    <r>
      <rPr>
        <sz val="10"/>
        <rFont val="SimHei"/>
        <family val="3"/>
      </rPr>
      <t>指令的豁免用途来变更记载内容）</t>
    </r>
    <rPh sb="27" eb="29">
      <t>シレイ</t>
    </rPh>
    <phoneticPr fontId="6"/>
  </si>
  <si>
    <r>
      <rPr>
        <sz val="11"/>
        <rFont val="SimHei"/>
        <family val="3"/>
      </rPr>
      <t>多氯联苯类（</t>
    </r>
    <r>
      <rPr>
        <sz val="11"/>
        <rFont val="Arial"/>
        <family val="2"/>
      </rPr>
      <t>PCB</t>
    </r>
    <r>
      <rPr>
        <sz val="11"/>
        <rFont val="SimHei"/>
        <family val="3"/>
      </rPr>
      <t>类）、及特定的替代物质</t>
    </r>
    <phoneticPr fontId="6"/>
  </si>
  <si>
    <r>
      <rPr>
        <sz val="10"/>
        <rFont val="SimHei"/>
        <family val="3"/>
      </rPr>
      <t>二丁基锡（</t>
    </r>
    <r>
      <rPr>
        <sz val="10"/>
        <rFont val="Arial"/>
        <family val="2"/>
      </rPr>
      <t>DBT</t>
    </r>
    <r>
      <rPr>
        <sz val="10"/>
        <rFont val="SimHei"/>
        <family val="3"/>
      </rPr>
      <t>）化合物／</t>
    </r>
    <phoneticPr fontId="6"/>
  </si>
  <si>
    <r>
      <rPr>
        <sz val="10.5"/>
        <rFont val="SimHei"/>
        <family val="3"/>
      </rPr>
      <t>磷酸三（</t>
    </r>
    <r>
      <rPr>
        <sz val="10.5"/>
        <rFont val="Arial"/>
        <family val="2"/>
      </rPr>
      <t>2-</t>
    </r>
    <r>
      <rPr>
        <sz val="10.5"/>
        <rFont val="SimHei"/>
        <family val="3"/>
      </rPr>
      <t>氯乙基）酯</t>
    </r>
    <r>
      <rPr>
        <sz val="10.5"/>
        <rFont val="Arial"/>
        <family val="2"/>
      </rPr>
      <t xml:space="preserve"> (TCEP)</t>
    </r>
    <phoneticPr fontId="6"/>
  </si>
  <si>
    <r>
      <rPr>
        <sz val="10.5"/>
        <rFont val="SimHei"/>
        <family val="3"/>
      </rPr>
      <t>磷酸三（</t>
    </r>
    <r>
      <rPr>
        <sz val="10.5"/>
        <rFont val="Arial"/>
        <family val="2"/>
      </rPr>
      <t>1-</t>
    </r>
    <r>
      <rPr>
        <sz val="10.5"/>
        <rFont val="SimHei"/>
        <family val="3"/>
      </rPr>
      <t>甲基</t>
    </r>
    <r>
      <rPr>
        <sz val="10.5"/>
        <rFont val="Arial"/>
        <family val="2"/>
      </rPr>
      <t>-2-</t>
    </r>
    <r>
      <rPr>
        <sz val="10.5"/>
        <rFont val="SimHei"/>
        <family val="3"/>
      </rPr>
      <t>氯乙基）酯</t>
    </r>
    <r>
      <rPr>
        <sz val="10.5"/>
        <rFont val="Arial"/>
        <family val="2"/>
      </rPr>
      <t xml:space="preserve"> (TCPP)</t>
    </r>
    <phoneticPr fontId="6"/>
  </si>
  <si>
    <r>
      <rPr>
        <sz val="10"/>
        <rFont val="SimHei"/>
        <family val="3"/>
      </rPr>
      <t>苯乙烯和双异丁烯和二苯胺的反应物（</t>
    </r>
    <r>
      <rPr>
        <sz val="10"/>
        <rFont val="Arial"/>
        <family val="2"/>
      </rPr>
      <t>BNST</t>
    </r>
    <r>
      <rPr>
        <sz val="10"/>
        <rFont val="SimHei"/>
        <family val="3"/>
      </rPr>
      <t>）</t>
    </r>
    <phoneticPr fontId="6"/>
  </si>
  <si>
    <r>
      <rPr>
        <sz val="10"/>
        <rFont val="SimHei"/>
        <family val="3"/>
      </rPr>
      <t>从禁止使用物质削除</t>
    </r>
    <r>
      <rPr>
        <sz val="10"/>
        <rFont val="Arial"/>
        <family val="2"/>
      </rPr>
      <t xml:space="preserve"> </t>
    </r>
    <r>
      <rPr>
        <sz val="10"/>
        <rFont val="SimHei"/>
        <family val="3"/>
      </rPr>
      <t>（因为不属於加拿大法令的法规对象）</t>
    </r>
    <phoneticPr fontId="6"/>
  </si>
  <si>
    <r>
      <rPr>
        <sz val="11"/>
        <rFont val="SimHei"/>
        <family val="3"/>
      </rPr>
      <t xml:space="preserve">可以使用／
</t>
    </r>
    <r>
      <rPr>
        <sz val="11"/>
        <rFont val="Arial"/>
        <family val="2"/>
      </rPr>
      <t>Usable</t>
    </r>
    <phoneticPr fontId="6"/>
  </si>
  <si>
    <r>
      <rPr>
        <b/>
        <sz val="11"/>
        <color theme="0"/>
        <rFont val="SimHei"/>
        <family val="3"/>
      </rPr>
      <t xml:space="preserve">禁止使用／
</t>
    </r>
    <r>
      <rPr>
        <b/>
        <sz val="11"/>
        <color theme="0"/>
        <rFont val="Arial"/>
        <family val="2"/>
      </rPr>
      <t>Banned</t>
    </r>
    <phoneticPr fontId="6"/>
  </si>
  <si>
    <r>
      <rPr>
        <sz val="11"/>
        <rFont val="SimHei"/>
        <family val="3"/>
      </rPr>
      <t>符合标准</t>
    </r>
    <r>
      <rPr>
        <sz val="11"/>
        <rFont val="Arial"/>
        <family val="2"/>
      </rPr>
      <t>(Applicable)</t>
    </r>
    <r>
      <rPr>
        <sz val="11"/>
        <rFont val="SimHei"/>
        <family val="3"/>
      </rPr>
      <t>／不符合</t>
    </r>
    <r>
      <rPr>
        <sz val="11"/>
        <rFont val="Arial"/>
        <family val="2"/>
      </rPr>
      <t>(Not Applicable)</t>
    </r>
  </si>
  <si>
    <r>
      <rPr>
        <b/>
        <sz val="10"/>
        <rFont val="SimHei"/>
        <family val="3"/>
      </rPr>
      <t>確認事項　</t>
    </r>
    <r>
      <rPr>
        <b/>
        <sz val="10"/>
        <rFont val="Arial"/>
        <family val="2"/>
      </rPr>
      <t>/</t>
    </r>
    <r>
      <rPr>
        <b/>
        <sz val="10"/>
        <rFont val="SimHei"/>
        <family val="3"/>
      </rPr>
      <t>　</t>
    </r>
    <r>
      <rPr>
        <sz val="10"/>
        <rFont val="Arial"/>
        <family val="2"/>
      </rPr>
      <t>Criteria</t>
    </r>
    <rPh sb="0" eb="2">
      <t>カクニン</t>
    </rPh>
    <rPh sb="2" eb="4">
      <t>ジコウ</t>
    </rPh>
    <phoneticPr fontId="57"/>
  </si>
  <si>
    <r>
      <rPr>
        <b/>
        <sz val="10"/>
        <rFont val="SimHei"/>
        <family val="3"/>
      </rPr>
      <t>回答欄</t>
    </r>
    <r>
      <rPr>
        <sz val="10"/>
        <rFont val="Arial"/>
        <family val="2"/>
      </rPr>
      <t xml:space="preserve">
Verified results</t>
    </r>
    <rPh sb="0" eb="2">
      <t>カイトウ</t>
    </rPh>
    <rPh sb="2" eb="3">
      <t>ラン</t>
    </rPh>
    <phoneticPr fontId="57"/>
  </si>
  <si>
    <r>
      <rPr>
        <b/>
        <sz val="10"/>
        <rFont val="SimHei"/>
        <family val="3"/>
      </rPr>
      <t>分析機関によるハロゲン（臭素</t>
    </r>
    <r>
      <rPr>
        <b/>
        <sz val="10"/>
        <rFont val="MS UI Gothic"/>
        <family val="3"/>
        <charset val="128"/>
      </rPr>
      <t>・</t>
    </r>
    <r>
      <rPr>
        <b/>
        <sz val="10"/>
        <rFont val="SimHei"/>
        <family val="3"/>
      </rPr>
      <t>塩素）分析データを取得している。</t>
    </r>
    <r>
      <rPr>
        <sz val="10"/>
        <rFont val="Arial"/>
        <family val="2"/>
      </rPr>
      <t xml:space="preserve">
The analysis data on Halogen(Bromine/Chlorine) has been gotton from analyzing organization.</t>
    </r>
    <rPh sb="0" eb="2">
      <t>ブンセキ</t>
    </rPh>
    <rPh sb="2" eb="4">
      <t>キカン</t>
    </rPh>
    <rPh sb="12" eb="14">
      <t>シュウソ</t>
    </rPh>
    <rPh sb="15" eb="17">
      <t>エンソ</t>
    </rPh>
    <rPh sb="18" eb="20">
      <t>ブンセキ</t>
    </rPh>
    <rPh sb="24" eb="26">
      <t>シュトク</t>
    </rPh>
    <phoneticPr fontId="57"/>
  </si>
  <si>
    <r>
      <rPr>
        <b/>
        <sz val="10"/>
        <rFont val="SimHei"/>
        <family val="3"/>
      </rPr>
      <t>【質問</t>
    </r>
    <r>
      <rPr>
        <b/>
        <sz val="10"/>
        <rFont val="Arial"/>
        <family val="2"/>
      </rPr>
      <t>1</t>
    </r>
    <r>
      <rPr>
        <b/>
        <sz val="10"/>
        <rFont val="SimHei"/>
        <family val="3"/>
      </rPr>
      <t>】が「</t>
    </r>
    <r>
      <rPr>
        <b/>
        <sz val="10"/>
        <rFont val="Arial"/>
        <family val="2"/>
      </rPr>
      <t>YES</t>
    </r>
    <r>
      <rPr>
        <b/>
        <sz val="10"/>
        <rFont val="SimHei"/>
        <family val="3"/>
      </rPr>
      <t>」の場合、以下に記入します。</t>
    </r>
    <r>
      <rPr>
        <b/>
        <sz val="10"/>
        <rFont val="Arial"/>
        <family val="2"/>
      </rPr>
      <t xml:space="preserve">/ </t>
    </r>
    <r>
      <rPr>
        <sz val="10"/>
        <rFont val="Arial"/>
        <family val="2"/>
      </rPr>
      <t>If the answer of "No.1" is "YES", we fill in the following table.</t>
    </r>
    <rPh sb="1" eb="3">
      <t>シツモン</t>
    </rPh>
    <rPh sb="12" eb="14">
      <t>バアイ</t>
    </rPh>
    <rPh sb="15" eb="17">
      <t>イカ</t>
    </rPh>
    <rPh sb="18" eb="20">
      <t>キニュウ</t>
    </rPh>
    <phoneticPr fontId="57"/>
  </si>
  <si>
    <r>
      <rPr>
        <sz val="10"/>
        <rFont val="SimHei"/>
        <family val="3"/>
      </rPr>
      <t xml:space="preserve">物質名
</t>
    </r>
    <r>
      <rPr>
        <sz val="10"/>
        <rFont val="Arial"/>
        <family val="2"/>
      </rPr>
      <t>Substance Name</t>
    </r>
    <rPh sb="0" eb="2">
      <t>ブッシツ</t>
    </rPh>
    <rPh sb="2" eb="3">
      <t>メイ</t>
    </rPh>
    <phoneticPr fontId="57"/>
  </si>
  <si>
    <r>
      <rPr>
        <sz val="8"/>
        <rFont val="SimHei"/>
        <family val="3"/>
      </rPr>
      <t xml:space="preserve">含有
</t>
    </r>
    <r>
      <rPr>
        <sz val="8"/>
        <rFont val="Arial"/>
        <family val="2"/>
      </rPr>
      <t>Content</t>
    </r>
    <rPh sb="0" eb="2">
      <t>ガンユウ</t>
    </rPh>
    <phoneticPr fontId="57"/>
  </si>
  <si>
    <r>
      <rPr>
        <sz val="10"/>
        <rFont val="SimHei"/>
        <family val="3"/>
      </rPr>
      <t xml:space="preserve">含有率
</t>
    </r>
    <r>
      <rPr>
        <sz val="10"/>
        <rFont val="Arial"/>
        <family val="2"/>
      </rPr>
      <t>Content ratio</t>
    </r>
    <rPh sb="0" eb="2">
      <t>ガンユウ</t>
    </rPh>
    <rPh sb="2" eb="3">
      <t>リツ</t>
    </rPh>
    <phoneticPr fontId="57"/>
  </si>
  <si>
    <r>
      <rPr>
        <sz val="10"/>
        <rFont val="SimHei"/>
        <family val="3"/>
      </rPr>
      <t xml:space="preserve">検出下限値
</t>
    </r>
    <r>
      <rPr>
        <sz val="10"/>
        <rFont val="Arial"/>
        <family val="2"/>
      </rPr>
      <t>Method Detection Limit</t>
    </r>
    <r>
      <rPr>
        <sz val="10"/>
        <rFont val="SimHei"/>
        <family val="3"/>
      </rPr>
      <t>　※</t>
    </r>
    <r>
      <rPr>
        <sz val="10"/>
        <rFont val="Arial"/>
        <family val="2"/>
      </rPr>
      <t>5)</t>
    </r>
    <rPh sb="0" eb="2">
      <t>ケンシュツ</t>
    </rPh>
    <rPh sb="2" eb="5">
      <t>カゲンチ</t>
    </rPh>
    <phoneticPr fontId="57"/>
  </si>
  <si>
    <r>
      <rPr>
        <sz val="10"/>
        <rFont val="SimHei"/>
        <family val="3"/>
      </rPr>
      <t xml:space="preserve">備考
</t>
    </r>
    <r>
      <rPr>
        <sz val="10"/>
        <rFont val="Arial"/>
        <family val="2"/>
      </rPr>
      <t>Remark</t>
    </r>
    <rPh sb="0" eb="2">
      <t>ビコウ</t>
    </rPh>
    <phoneticPr fontId="57"/>
  </si>
  <si>
    <r>
      <rPr>
        <sz val="10"/>
        <rFont val="SimHei"/>
        <family val="3"/>
      </rPr>
      <t>塩素／</t>
    </r>
    <r>
      <rPr>
        <sz val="10"/>
        <rFont val="Arial"/>
        <family val="2"/>
      </rPr>
      <t>Chlorine(Cl)</t>
    </r>
    <rPh sb="0" eb="2">
      <t>エンソ</t>
    </rPh>
    <phoneticPr fontId="57"/>
  </si>
  <si>
    <r>
      <rPr>
        <sz val="8"/>
        <rFont val="SimHei"/>
        <family val="3"/>
      </rPr>
      <t>含有</t>
    </r>
    <r>
      <rPr>
        <sz val="8"/>
        <rFont val="Arial"/>
        <family val="2"/>
      </rPr>
      <t>(Present)</t>
    </r>
    <r>
      <rPr>
        <sz val="8"/>
        <rFont val="SimHei"/>
        <family val="3"/>
      </rPr>
      <t>／非含有</t>
    </r>
    <r>
      <rPr>
        <sz val="8"/>
        <rFont val="Arial"/>
        <family val="2"/>
      </rPr>
      <t>(Not present</t>
    </r>
    <r>
      <rPr>
        <sz val="8"/>
        <rFont val="SimHei"/>
        <family val="3"/>
      </rPr>
      <t>）</t>
    </r>
  </si>
  <si>
    <r>
      <rPr>
        <sz val="10"/>
        <rFont val="SimHei"/>
        <family val="3"/>
      </rPr>
      <t>臭素／</t>
    </r>
    <r>
      <rPr>
        <sz val="10"/>
        <rFont val="Arial"/>
        <family val="2"/>
      </rPr>
      <t>Bromine(Br)</t>
    </r>
    <rPh sb="0" eb="2">
      <t>シュウソ</t>
    </rPh>
    <phoneticPr fontId="57"/>
  </si>
  <si>
    <r>
      <t xml:space="preserve">*5) </t>
    </r>
    <r>
      <rPr>
        <b/>
        <sz val="10"/>
        <rFont val="SimHei"/>
        <family val="3"/>
      </rPr>
      <t>検出下限値の最大値は</t>
    </r>
    <r>
      <rPr>
        <b/>
        <sz val="10"/>
        <rFont val="Arial"/>
        <family val="2"/>
      </rPr>
      <t>100ppm(0.01%)</t>
    </r>
    <r>
      <rPr>
        <b/>
        <sz val="10"/>
        <rFont val="SimHei"/>
        <family val="3"/>
      </rPr>
      <t>です。</t>
    </r>
    <r>
      <rPr>
        <b/>
        <sz val="10"/>
        <rFont val="Arial"/>
        <family val="2"/>
      </rPr>
      <t xml:space="preserve">/ </t>
    </r>
    <r>
      <rPr>
        <sz val="10"/>
        <rFont val="Arial"/>
        <family val="2"/>
      </rPr>
      <t>The maxium of Method Detection Limit is 100ppm(0.01%).</t>
    </r>
    <rPh sb="4" eb="6">
      <t>ケンシュツ</t>
    </rPh>
    <phoneticPr fontId="57"/>
  </si>
  <si>
    <r>
      <rPr>
        <b/>
        <sz val="11"/>
        <color theme="0"/>
        <rFont val="SimHei"/>
        <family val="3"/>
      </rPr>
      <t>禁止使用／</t>
    </r>
    <phoneticPr fontId="6"/>
  </si>
  <si>
    <r>
      <rPr>
        <sz val="11"/>
        <rFont val="SimHei"/>
        <family val="3"/>
      </rPr>
      <t>用于下述（</t>
    </r>
    <r>
      <rPr>
        <sz val="11"/>
        <rFont val="Arial"/>
        <family val="2"/>
      </rPr>
      <t>3</t>
    </r>
    <r>
      <rPr>
        <sz val="11"/>
        <rFont val="SimHei"/>
        <family val="3"/>
      </rPr>
      <t>）以外的情况／</t>
    </r>
    <phoneticPr fontId="6"/>
  </si>
  <si>
    <r>
      <rPr>
        <sz val="11"/>
        <rFont val="SimHei"/>
        <family val="3"/>
      </rPr>
      <t>聚氯乙烯及共聚物／</t>
    </r>
    <r>
      <rPr>
        <sz val="9"/>
        <rFont val="Arial"/>
        <family val="2"/>
      </rPr>
      <t>Polyvinyl Chloride and its copolymer</t>
    </r>
    <phoneticPr fontId="6"/>
  </si>
  <si>
    <r>
      <rPr>
        <sz val="11"/>
        <rFont val="SimHei"/>
        <family val="3"/>
      </rPr>
      <t>氟系温室效应气体（</t>
    </r>
    <r>
      <rPr>
        <sz val="11"/>
        <rFont val="Arial"/>
        <family val="2"/>
      </rPr>
      <t>HFC/PFC/SF6</t>
    </r>
    <r>
      <rPr>
        <sz val="11"/>
        <rFont val="SimHei"/>
        <family val="3"/>
      </rPr>
      <t>）／</t>
    </r>
    <r>
      <rPr>
        <sz val="9"/>
        <rFont val="Arial"/>
        <family val="2"/>
      </rPr>
      <t>Fluorinated greenhouse gases (HFC, PFC, SF6)</t>
    </r>
    <phoneticPr fontId="6"/>
  </si>
  <si>
    <r>
      <rPr>
        <sz val="11"/>
        <rFont val="SimHei"/>
        <family val="3"/>
      </rPr>
      <t>用于下述（</t>
    </r>
    <r>
      <rPr>
        <sz val="11"/>
        <rFont val="Arial"/>
        <family val="2"/>
      </rPr>
      <t>2</t>
    </r>
    <r>
      <rPr>
        <sz val="11"/>
        <rFont val="SimHei"/>
        <family val="3"/>
      </rPr>
      <t>）以外的情况／</t>
    </r>
    <phoneticPr fontId="6"/>
  </si>
  <si>
    <r>
      <rPr>
        <sz val="11"/>
        <rFont val="SimHei"/>
        <family val="3"/>
      </rPr>
      <t>用于木制零件中／</t>
    </r>
    <phoneticPr fontId="6"/>
  </si>
  <si>
    <r>
      <rPr>
        <sz val="11"/>
        <rFont val="SimHei"/>
        <family val="3"/>
      </rPr>
      <t>用于上述（</t>
    </r>
    <r>
      <rPr>
        <sz val="11"/>
        <rFont val="Arial"/>
        <family val="2"/>
      </rPr>
      <t>1</t>
    </r>
    <r>
      <rPr>
        <sz val="11"/>
        <rFont val="SimHei"/>
        <family val="3"/>
      </rPr>
      <t>）～（</t>
    </r>
    <r>
      <rPr>
        <sz val="11"/>
        <rFont val="Arial"/>
        <family val="2"/>
      </rPr>
      <t>2</t>
    </r>
    <r>
      <rPr>
        <sz val="11"/>
        <rFont val="SimHei"/>
        <family val="3"/>
      </rPr>
      <t>）以外的情况／</t>
    </r>
    <phoneticPr fontId="6"/>
  </si>
  <si>
    <r>
      <rPr>
        <sz val="11"/>
        <rFont val="SimHei"/>
        <family val="3"/>
      </rPr>
      <t xml:space="preserve">化学物质名称／
</t>
    </r>
    <r>
      <rPr>
        <sz val="9"/>
        <rFont val="Arial"/>
        <family val="2"/>
      </rPr>
      <t>Substances</t>
    </r>
    <phoneticPr fontId="6"/>
  </si>
  <si>
    <r>
      <rPr>
        <sz val="11"/>
        <rFont val="SimHei"/>
        <family val="3"/>
      </rPr>
      <t xml:space="preserve">确认结果／
</t>
    </r>
    <r>
      <rPr>
        <sz val="9"/>
        <rFont val="Arial"/>
        <family val="2"/>
      </rPr>
      <t>Result</t>
    </r>
    <phoneticPr fontId="6"/>
  </si>
  <si>
    <r>
      <rPr>
        <sz val="11"/>
        <rFont val="SimHei"/>
        <family val="3"/>
      </rPr>
      <t>砷及其化合物／</t>
    </r>
    <r>
      <rPr>
        <sz val="9"/>
        <rFont val="Arial"/>
        <family val="2"/>
      </rPr>
      <t>Arsenic and its compound</t>
    </r>
    <phoneticPr fontId="6"/>
  </si>
  <si>
    <r>
      <rPr>
        <sz val="11"/>
        <rFont val="SimHei"/>
        <family val="3"/>
      </rPr>
      <t>使用五氧化二砷／</t>
    </r>
    <r>
      <rPr>
        <sz val="9"/>
        <rFont val="Arial"/>
        <family val="2"/>
      </rPr>
      <t>Using Diarsenic Pentoxide</t>
    </r>
    <phoneticPr fontId="6"/>
  </si>
  <si>
    <r>
      <t xml:space="preserve">(a) </t>
    </r>
    <r>
      <rPr>
        <sz val="11"/>
        <rFont val="SimHei"/>
        <family val="3"/>
      </rPr>
      <t>用于半导体／</t>
    </r>
    <r>
      <rPr>
        <sz val="9"/>
        <rFont val="Arial"/>
        <family val="2"/>
      </rPr>
      <t>Semiconductor</t>
    </r>
    <phoneticPr fontId="6"/>
  </si>
  <si>
    <r>
      <t xml:space="preserve">(b) </t>
    </r>
    <r>
      <rPr>
        <sz val="11"/>
        <rFont val="SimHei"/>
        <family val="3"/>
      </rPr>
      <t>用于感光剂／</t>
    </r>
    <r>
      <rPr>
        <sz val="9"/>
        <rFont val="Arial"/>
        <family val="2"/>
      </rPr>
      <t>Resist</t>
    </r>
    <phoneticPr fontId="6"/>
  </si>
  <si>
    <r>
      <t xml:space="preserve">(c) </t>
    </r>
    <r>
      <rPr>
        <sz val="11"/>
        <rFont val="SimHei"/>
        <family val="3"/>
      </rPr>
      <t>用于磁性过滤器／</t>
    </r>
    <r>
      <rPr>
        <sz val="9"/>
        <rFont val="Arial"/>
        <family val="2"/>
      </rPr>
      <t>Magnet filter</t>
    </r>
    <phoneticPr fontId="6"/>
  </si>
  <si>
    <r>
      <rPr>
        <sz val="11"/>
        <rFont val="SimHei"/>
        <family val="3"/>
      </rPr>
      <t>用于下述（</t>
    </r>
    <r>
      <rPr>
        <sz val="11"/>
        <rFont val="Arial"/>
        <family val="2"/>
      </rPr>
      <t>2</t>
    </r>
    <r>
      <rPr>
        <sz val="11"/>
        <rFont val="SimHei"/>
        <family val="3"/>
      </rPr>
      <t>）以外的情况／</t>
    </r>
    <r>
      <rPr>
        <sz val="9"/>
        <rFont val="Arial"/>
        <family val="2"/>
      </rPr>
      <t>Used in the other than the following (2).</t>
    </r>
    <phoneticPr fontId="6"/>
  </si>
  <si>
    <r>
      <rPr>
        <sz val="11"/>
        <rFont val="SimHei"/>
        <family val="3"/>
      </rPr>
      <t>用于如下用途／</t>
    </r>
    <r>
      <rPr>
        <sz val="9"/>
        <rFont val="Arial"/>
        <family val="2"/>
      </rPr>
      <t>Used for applications below;</t>
    </r>
    <phoneticPr fontId="6"/>
  </si>
  <si>
    <r>
      <t xml:space="preserve">(a) </t>
    </r>
    <r>
      <rPr>
        <sz val="11"/>
        <rFont val="SimHei"/>
        <family val="3"/>
      </rPr>
      <t>偏光板（</t>
    </r>
    <r>
      <rPr>
        <sz val="11"/>
        <rFont val="Arial"/>
        <family val="2"/>
      </rPr>
      <t>PVA</t>
    </r>
    <r>
      <rPr>
        <sz val="11"/>
        <rFont val="SimHei"/>
        <family val="3"/>
      </rPr>
      <t>制）／</t>
    </r>
    <r>
      <rPr>
        <sz val="9"/>
        <rFont val="Arial"/>
        <family val="2"/>
      </rPr>
      <t xml:space="preserve">Polarizers (made of PVA) </t>
    </r>
    <phoneticPr fontId="6"/>
  </si>
  <si>
    <r>
      <t xml:space="preserve">(b) </t>
    </r>
    <r>
      <rPr>
        <sz val="11"/>
        <rFont val="SimHei"/>
        <family val="3"/>
      </rPr>
      <t>玻璃／</t>
    </r>
    <r>
      <rPr>
        <sz val="9"/>
        <rFont val="Arial"/>
        <family val="2"/>
      </rPr>
      <t>Glass</t>
    </r>
    <phoneticPr fontId="6"/>
  </si>
  <si>
    <r>
      <rPr>
        <sz val="11"/>
        <rFont val="SimHei"/>
        <family val="3"/>
      </rPr>
      <t>无水四硼酸钠</t>
    </r>
    <r>
      <rPr>
        <sz val="11"/>
        <rFont val="Arial"/>
        <family val="2"/>
      </rPr>
      <t>,</t>
    </r>
    <r>
      <rPr>
        <sz val="11"/>
        <rFont val="SimHei"/>
        <family val="3"/>
      </rPr>
      <t>七水合四硼酸钠／</t>
    </r>
    <r>
      <rPr>
        <sz val="9"/>
        <rFont val="Arial"/>
        <family val="2"/>
      </rPr>
      <t>Disodium tetraborate, anhydrous, Tetraboron disodium heptaoxide, hydrate</t>
    </r>
    <phoneticPr fontId="6"/>
  </si>
  <si>
    <r>
      <t xml:space="preserve">(c) </t>
    </r>
    <r>
      <rPr>
        <sz val="11"/>
        <rFont val="SimHei"/>
        <family val="3"/>
      </rPr>
      <t>粘着剂／</t>
    </r>
    <r>
      <rPr>
        <sz val="9"/>
        <rFont val="Arial"/>
        <family val="2"/>
      </rPr>
      <t>Adhensive agent</t>
    </r>
    <phoneticPr fontId="6"/>
  </si>
  <si>
    <r>
      <t xml:space="preserve">(d) </t>
    </r>
    <r>
      <rPr>
        <sz val="11"/>
        <rFont val="SimHei"/>
        <family val="3"/>
      </rPr>
      <t>纤维／</t>
    </r>
    <r>
      <rPr>
        <sz val="9"/>
        <rFont val="Arial"/>
        <family val="2"/>
      </rPr>
      <t>Fiber</t>
    </r>
    <phoneticPr fontId="6"/>
  </si>
  <si>
    <r>
      <rPr>
        <sz val="11"/>
        <rFont val="SimHei"/>
        <family val="3"/>
      </rPr>
      <t>二辛基锡（</t>
    </r>
    <r>
      <rPr>
        <sz val="11"/>
        <rFont val="Arial"/>
        <family val="2"/>
      </rPr>
      <t>DOT</t>
    </r>
    <r>
      <rPr>
        <sz val="11"/>
        <rFont val="SimHei"/>
        <family val="3"/>
      </rPr>
      <t>）化合物／</t>
    </r>
    <r>
      <rPr>
        <sz val="9"/>
        <rFont val="Arial"/>
        <family val="2"/>
      </rPr>
      <t>Dioctyltin (DOT) compounds</t>
    </r>
    <phoneticPr fontId="6"/>
  </si>
  <si>
    <r>
      <rPr>
        <sz val="11"/>
        <rFont val="SimHei"/>
        <family val="3"/>
      </rPr>
      <t>双组份室温硬化型铸件配套元件（</t>
    </r>
    <r>
      <rPr>
        <sz val="11"/>
        <rFont val="Arial"/>
        <family val="2"/>
      </rPr>
      <t>RTV-2</t>
    </r>
    <r>
      <rPr>
        <sz val="11"/>
        <rFont val="SimHei"/>
        <family val="3"/>
      </rPr>
      <t>铸件配套元件）／</t>
    </r>
    <phoneticPr fontId="6"/>
  </si>
  <si>
    <r>
      <rPr>
        <sz val="11"/>
        <rFont val="SimHei"/>
        <family val="3"/>
      </rPr>
      <t xml:space="preserve">可以使用／
</t>
    </r>
    <r>
      <rPr>
        <sz val="9"/>
        <rFont val="Arial"/>
        <family val="2"/>
      </rPr>
      <t>Usable</t>
    </r>
    <phoneticPr fontId="6"/>
  </si>
  <si>
    <r>
      <rPr>
        <sz val="11"/>
        <rFont val="SimHei"/>
        <family val="3"/>
      </rPr>
      <t>全氟辛酸（</t>
    </r>
    <r>
      <rPr>
        <sz val="11"/>
        <rFont val="Arial"/>
        <family val="2"/>
      </rPr>
      <t>PFOA</t>
    </r>
    <r>
      <rPr>
        <sz val="11"/>
        <rFont val="SimHei"/>
        <family val="3"/>
      </rPr>
      <t>）及其盐类和酯类／</t>
    </r>
    <r>
      <rPr>
        <sz val="9"/>
        <rFont val="Arial"/>
        <family val="2"/>
      </rPr>
      <t>Perfluorooctanoic acid (PFOA) and its salts and esters of PFOA</t>
    </r>
    <phoneticPr fontId="6"/>
  </si>
  <si>
    <r>
      <rPr>
        <sz val="11"/>
        <rFont val="SimHei"/>
        <family val="3"/>
      </rPr>
      <t>用于下述（</t>
    </r>
    <r>
      <rPr>
        <sz val="11"/>
        <rFont val="Arial"/>
        <family val="2"/>
      </rPr>
      <t>2</t>
    </r>
    <r>
      <rPr>
        <sz val="11"/>
        <rFont val="SimHei"/>
        <family val="3"/>
      </rPr>
      <t>）～（</t>
    </r>
    <r>
      <rPr>
        <sz val="11"/>
        <rFont val="Arial"/>
        <family val="2"/>
      </rPr>
      <t>4</t>
    </r>
    <r>
      <rPr>
        <sz val="11"/>
        <rFont val="SimHei"/>
        <family val="3"/>
      </rPr>
      <t>）以外的情况／</t>
    </r>
    <r>
      <rPr>
        <sz val="9"/>
        <rFont val="Arial"/>
        <family val="2"/>
      </rPr>
      <t>Used in the other than the following (2)-(4).</t>
    </r>
    <phoneticPr fontId="6"/>
  </si>
  <si>
    <r>
      <rPr>
        <sz val="11"/>
        <rFont val="SimHei"/>
        <family val="3"/>
      </rPr>
      <t>用于光刻工艺中使用的光致抗蚀剂和抗反射涂层／</t>
    </r>
    <phoneticPr fontId="6"/>
  </si>
  <si>
    <r>
      <rPr>
        <sz val="11"/>
        <rFont val="SimHei"/>
        <family val="3"/>
      </rPr>
      <t>氯化系阻燃剂／</t>
    </r>
    <r>
      <rPr>
        <sz val="9"/>
        <rFont val="Arial"/>
        <family val="2"/>
      </rPr>
      <t>Chlorinated flame retardants</t>
    </r>
    <phoneticPr fontId="6"/>
  </si>
  <si>
    <r>
      <t>“</t>
    </r>
    <r>
      <rPr>
        <sz val="11"/>
        <rFont val="SimHei"/>
        <family val="3"/>
      </rPr>
      <t>使用于面向儿童（</t>
    </r>
    <r>
      <rPr>
        <sz val="11"/>
        <rFont val="Arial"/>
        <family val="2"/>
      </rPr>
      <t>12</t>
    </r>
    <r>
      <rPr>
        <sz val="11"/>
        <rFont val="SimHei"/>
        <family val="3"/>
      </rPr>
      <t>岁以下）的产品以及用纤维等覆盖的家用家具等</t>
    </r>
    <r>
      <rPr>
        <sz val="11"/>
        <rFont val="Arial"/>
        <family val="2"/>
      </rPr>
      <t>”</t>
    </r>
    <r>
      <rPr>
        <sz val="11"/>
        <rFont val="SimHei"/>
        <family val="3"/>
      </rPr>
      <t>／</t>
    </r>
    <phoneticPr fontId="6"/>
  </si>
  <si>
    <r>
      <rPr>
        <sz val="11"/>
        <rFont val="SimHei"/>
        <family val="3"/>
      </rPr>
      <t>用于下述（</t>
    </r>
    <r>
      <rPr>
        <sz val="11"/>
        <rFont val="Arial"/>
        <family val="2"/>
      </rPr>
      <t>1</t>
    </r>
    <r>
      <rPr>
        <sz val="11"/>
        <rFont val="SimHei"/>
        <family val="3"/>
      </rPr>
      <t>）以外的情况／</t>
    </r>
    <r>
      <rPr>
        <sz val="9"/>
        <rFont val="Arial"/>
        <family val="2"/>
      </rPr>
      <t>Used in the other than the above (1).</t>
    </r>
    <phoneticPr fontId="6"/>
  </si>
  <si>
    <r>
      <rPr>
        <sz val="11"/>
        <rFont val="SimHei"/>
        <family val="3"/>
      </rPr>
      <t>磷酸三（</t>
    </r>
    <r>
      <rPr>
        <sz val="11"/>
        <rFont val="Arial"/>
        <family val="2"/>
      </rPr>
      <t>1-</t>
    </r>
    <r>
      <rPr>
        <sz val="11"/>
        <rFont val="SimHei"/>
        <family val="3"/>
      </rPr>
      <t>甲基</t>
    </r>
    <r>
      <rPr>
        <sz val="11"/>
        <rFont val="Arial"/>
        <family val="2"/>
      </rPr>
      <t>-2-</t>
    </r>
    <r>
      <rPr>
        <sz val="11"/>
        <rFont val="SimHei"/>
        <family val="3"/>
      </rPr>
      <t>氯乙基）酯（</t>
    </r>
    <r>
      <rPr>
        <sz val="11"/>
        <rFont val="Arial"/>
        <family val="2"/>
      </rPr>
      <t>TCPP</t>
    </r>
    <r>
      <rPr>
        <sz val="11"/>
        <rFont val="SimHei"/>
        <family val="3"/>
      </rPr>
      <t>）／</t>
    </r>
    <r>
      <rPr>
        <sz val="9"/>
        <rFont val="Arial"/>
        <family val="2"/>
      </rPr>
      <t xml:space="preserve">Tris(2-chloro-1-methylethyl) phosphate </t>
    </r>
    <r>
      <rPr>
        <sz val="9"/>
        <rFont val="SimHei"/>
        <family val="3"/>
      </rPr>
      <t>（</t>
    </r>
    <r>
      <rPr>
        <sz val="9"/>
        <rFont val="Arial"/>
        <family val="2"/>
      </rPr>
      <t>TCPP</t>
    </r>
    <r>
      <rPr>
        <sz val="9"/>
        <rFont val="SimHei"/>
        <family val="3"/>
      </rPr>
      <t>）</t>
    </r>
    <phoneticPr fontId="6"/>
  </si>
  <si>
    <r>
      <rPr>
        <sz val="11"/>
        <rFont val="SimHei"/>
        <family val="3"/>
      </rPr>
      <t>用于上述（</t>
    </r>
    <r>
      <rPr>
        <sz val="11"/>
        <rFont val="Arial"/>
        <family val="2"/>
      </rPr>
      <t>1</t>
    </r>
    <r>
      <rPr>
        <sz val="11"/>
        <rFont val="SimHei"/>
        <family val="3"/>
      </rPr>
      <t>）以外的情况／</t>
    </r>
    <phoneticPr fontId="6"/>
  </si>
  <si>
    <r>
      <rPr>
        <sz val="11"/>
        <rFont val="SimHei"/>
        <family val="3"/>
      </rPr>
      <t>磷酸三（</t>
    </r>
    <r>
      <rPr>
        <sz val="11"/>
        <rFont val="Arial"/>
        <family val="2"/>
      </rPr>
      <t>1,3-</t>
    </r>
    <r>
      <rPr>
        <sz val="11"/>
        <rFont val="SimHei"/>
        <family val="3"/>
      </rPr>
      <t>二氯</t>
    </r>
    <r>
      <rPr>
        <sz val="11"/>
        <rFont val="Arial"/>
        <family val="2"/>
      </rPr>
      <t>-2-</t>
    </r>
    <r>
      <rPr>
        <sz val="11"/>
        <rFont val="SimHei"/>
        <family val="3"/>
      </rPr>
      <t>丙基）酯</t>
    </r>
    <r>
      <rPr>
        <sz val="11"/>
        <rFont val="Arial"/>
        <family val="2"/>
      </rPr>
      <t xml:space="preserve"> (TDCPP)</t>
    </r>
    <r>
      <rPr>
        <sz val="11"/>
        <rFont val="SimHei"/>
        <family val="3"/>
      </rPr>
      <t>／</t>
    </r>
    <r>
      <rPr>
        <sz val="9"/>
        <rFont val="Arial"/>
        <family val="2"/>
      </rPr>
      <t>Tris(1,3-dichloro-2-propyl) phosphate (TDCPP)</t>
    </r>
    <phoneticPr fontId="6"/>
  </si>
  <si>
    <r>
      <rPr>
        <sz val="11"/>
        <rFont val="SimHei"/>
        <family val="3"/>
      </rPr>
      <t>用于上述（</t>
    </r>
    <r>
      <rPr>
        <sz val="11"/>
        <rFont val="Arial"/>
        <family val="2"/>
      </rPr>
      <t>1</t>
    </r>
    <r>
      <rPr>
        <sz val="11"/>
        <rFont val="SimHei"/>
        <family val="3"/>
      </rPr>
      <t>）以外的情况／</t>
    </r>
    <r>
      <rPr>
        <sz val="9"/>
        <rFont val="Arial"/>
        <family val="2"/>
      </rPr>
      <t>Used in the other than the above (1).</t>
    </r>
    <phoneticPr fontId="6"/>
  </si>
  <si>
    <r>
      <rPr>
        <sz val="11"/>
        <rFont val="SimHei"/>
        <family val="3"/>
      </rPr>
      <t>多环芳香烃（</t>
    </r>
    <r>
      <rPr>
        <sz val="11"/>
        <rFont val="Arial"/>
        <family val="2"/>
      </rPr>
      <t>PAH</t>
    </r>
    <r>
      <rPr>
        <sz val="11"/>
        <rFont val="SimHei"/>
        <family val="3"/>
      </rPr>
      <t>）／</t>
    </r>
    <r>
      <rPr>
        <sz val="9"/>
        <rFont val="Arial"/>
        <family val="2"/>
      </rPr>
      <t>Polycyclic aromatic hydrocarbons (PAHs)</t>
    </r>
    <phoneticPr fontId="6"/>
  </si>
  <si>
    <r>
      <rPr>
        <sz val="11"/>
        <rFont val="SimHei"/>
        <family val="3"/>
      </rPr>
      <t>使用于直接长时间接触或短时间反复接触人体皮肤或口腔的塑料或橡胶零部件。／</t>
    </r>
    <phoneticPr fontId="6"/>
  </si>
  <si>
    <r>
      <rPr>
        <sz val="11"/>
        <rFont val="SimHei"/>
        <family val="3"/>
      </rPr>
      <t>红磷／</t>
    </r>
    <r>
      <rPr>
        <sz val="9"/>
        <rFont val="Arial"/>
        <family val="2"/>
      </rPr>
      <t>Red phosphorus</t>
    </r>
    <rPh sb="0" eb="1">
      <t>アカ</t>
    </rPh>
    <phoneticPr fontId="6"/>
  </si>
  <si>
    <r>
      <rPr>
        <sz val="11"/>
        <rFont val="SimHei"/>
        <family val="3"/>
      </rPr>
      <t>用于树脂或橡胶中／</t>
    </r>
    <r>
      <rPr>
        <sz val="9"/>
        <rFont val="Arial"/>
        <family val="2"/>
      </rPr>
      <t>Used in plastic  or rubber.</t>
    </r>
    <rPh sb="0" eb="2">
      <t>ジュシ</t>
    </rPh>
    <rPh sb="7" eb="8">
      <t>チュウ</t>
    </rPh>
    <rPh sb="9" eb="11">
      <t>シヨウ</t>
    </rPh>
    <phoneticPr fontId="6"/>
  </si>
  <si>
    <r>
      <rPr>
        <sz val="11"/>
        <rFont val="SimHei"/>
        <family val="3"/>
      </rPr>
      <t>符合上述（</t>
    </r>
    <r>
      <rPr>
        <sz val="11"/>
        <rFont val="Arial"/>
        <family val="2"/>
      </rPr>
      <t>1</t>
    </r>
    <r>
      <rPr>
        <sz val="11"/>
        <rFont val="SimHei"/>
        <family val="3"/>
      </rPr>
      <t>），但难代替，已得到夏普决定采用部门的批准／</t>
    </r>
    <rPh sb="6" eb="8">
      <t>ガイトウ</t>
    </rPh>
    <phoneticPr fontId="6"/>
  </si>
  <si>
    <r>
      <rPr>
        <sz val="11"/>
        <rFont val="SimHei"/>
        <family val="3"/>
      </rPr>
      <t>（必填）难代替的原因</t>
    </r>
    <r>
      <rPr>
        <sz val="11"/>
        <rFont val="ＭＳ Ｐゴシック"/>
        <family val="3"/>
        <charset val="128"/>
      </rPr>
      <t>・</t>
    </r>
    <r>
      <rPr>
        <sz val="11"/>
        <rFont val="SimHei"/>
        <family val="3"/>
      </rPr>
      <t>使用场所／</t>
    </r>
    <r>
      <rPr>
        <sz val="9"/>
        <rFont val="Arial"/>
        <family val="2"/>
      </rPr>
      <t>(Required fields) Reason for "difficult to substitute" and Point of use</t>
    </r>
    <rPh sb="1" eb="3">
      <t>キニュウ</t>
    </rPh>
    <rPh sb="3" eb="5">
      <t>ヒッスウ</t>
    </rPh>
    <phoneticPr fontId="6"/>
  </si>
  <si>
    <r>
      <t>A2-</t>
    </r>
    <r>
      <rPr>
        <b/>
        <sz val="12"/>
        <rFont val="SimHei"/>
        <family val="3"/>
      </rPr>
      <t>別表／</t>
    </r>
    <r>
      <rPr>
        <b/>
        <sz val="9"/>
        <rFont val="Arial"/>
        <family val="2"/>
      </rPr>
      <t>A2-Appendix</t>
    </r>
    <phoneticPr fontId="6"/>
  </si>
  <si>
    <r>
      <t>RoHS</t>
    </r>
    <r>
      <rPr>
        <sz val="11"/>
        <rFont val="SimHei"/>
        <family val="3"/>
      </rPr>
      <t xml:space="preserve">除外／
</t>
    </r>
    <r>
      <rPr>
        <sz val="6"/>
        <rFont val="Arial"/>
        <family val="2"/>
      </rPr>
      <t>RoHS Exemption *1)</t>
    </r>
    <phoneticPr fontId="6"/>
  </si>
  <si>
    <r>
      <rPr>
        <sz val="11"/>
        <rFont val="SimHei"/>
        <family val="3"/>
      </rPr>
      <t>镉及其化合物／</t>
    </r>
    <r>
      <rPr>
        <sz val="11"/>
        <rFont val="Arial"/>
        <family val="2"/>
      </rPr>
      <t>Cadmium and its compound</t>
    </r>
    <phoneticPr fontId="6"/>
  </si>
  <si>
    <r>
      <rPr>
        <sz val="11"/>
        <rFont val="SimHei"/>
        <family val="3"/>
      </rPr>
      <t>用于下述（</t>
    </r>
    <r>
      <rPr>
        <sz val="11"/>
        <rFont val="Arial"/>
        <family val="2"/>
      </rPr>
      <t>2</t>
    </r>
    <r>
      <rPr>
        <sz val="11"/>
        <rFont val="SimHei"/>
        <family val="3"/>
      </rPr>
      <t>）～（</t>
    </r>
    <r>
      <rPr>
        <sz val="11"/>
        <rFont val="Arial"/>
        <family val="2"/>
      </rPr>
      <t>5</t>
    </r>
    <r>
      <rPr>
        <sz val="11"/>
        <rFont val="SimHei"/>
        <family val="3"/>
      </rPr>
      <t>）以外的情况</t>
    </r>
    <phoneticPr fontId="6"/>
  </si>
  <si>
    <r>
      <rPr>
        <sz val="11"/>
        <rFont val="SimHei"/>
        <family val="3"/>
      </rPr>
      <t>使用在电气连接点中／</t>
    </r>
    <r>
      <rPr>
        <sz val="9"/>
        <rFont val="Arial"/>
        <family val="2"/>
      </rPr>
      <t>Used for electrical contacts.</t>
    </r>
    <phoneticPr fontId="6"/>
  </si>
  <si>
    <r>
      <rPr>
        <sz val="11"/>
        <rFont val="SimHei"/>
        <family val="3"/>
      </rPr>
      <t>使用在有色滤光片玻璃中。但是、不含</t>
    </r>
    <r>
      <rPr>
        <sz val="11"/>
        <rFont val="Arial"/>
        <family val="2"/>
      </rPr>
      <t>EU RoHS</t>
    </r>
    <r>
      <rPr>
        <sz val="11"/>
        <rFont val="SimHei"/>
        <family val="3"/>
      </rPr>
      <t>指令</t>
    </r>
    <r>
      <rPr>
        <sz val="11"/>
        <rFont val="Arial"/>
        <family val="2"/>
      </rPr>
      <t xml:space="preserve"> </t>
    </r>
    <r>
      <rPr>
        <sz val="11"/>
        <rFont val="SimHei"/>
        <family val="3"/>
      </rPr>
      <t>附件</t>
    </r>
    <r>
      <rPr>
        <sz val="11"/>
        <rFont val="Arial"/>
        <family val="2"/>
      </rPr>
      <t>III</t>
    </r>
    <r>
      <rPr>
        <sz val="11"/>
        <rFont val="SimHei"/>
        <family val="3"/>
      </rPr>
      <t>的第</t>
    </r>
    <r>
      <rPr>
        <sz val="11"/>
        <rFont val="Arial"/>
        <family val="2"/>
      </rPr>
      <t>39</t>
    </r>
    <r>
      <rPr>
        <sz val="11"/>
        <rFont val="SimHei"/>
        <family val="3"/>
      </rPr>
      <t>項的用途
［</t>
    </r>
    <r>
      <rPr>
        <sz val="11"/>
        <rFont val="Arial"/>
        <family val="2"/>
      </rPr>
      <t>2020</t>
    </r>
    <r>
      <rPr>
        <sz val="11"/>
        <rFont val="SimHei"/>
        <family val="3"/>
      </rPr>
      <t>年</t>
    </r>
    <r>
      <rPr>
        <sz val="11"/>
        <rFont val="Arial"/>
        <family val="2"/>
      </rPr>
      <t>7</t>
    </r>
    <r>
      <rPr>
        <sz val="11"/>
        <rFont val="SimHei"/>
        <family val="3"/>
      </rPr>
      <t>月</t>
    </r>
    <r>
      <rPr>
        <sz val="11"/>
        <rFont val="Arial"/>
        <family val="2"/>
      </rPr>
      <t>21</t>
    </r>
    <r>
      <rPr>
        <sz val="11"/>
        <rFont val="SimHei"/>
        <family val="3"/>
      </rPr>
      <t>日之後禁止使用</t>
    </r>
    <r>
      <rPr>
        <sz val="11"/>
        <rFont val="Arial"/>
        <family val="2"/>
      </rPr>
      <t xml:space="preserve"> *2</t>
    </r>
    <r>
      <rPr>
        <sz val="11"/>
        <rFont val="SimHei"/>
        <family val="3"/>
      </rPr>
      <t>）］／</t>
    </r>
    <phoneticPr fontId="6"/>
  </si>
  <si>
    <r>
      <rPr>
        <sz val="11"/>
        <rFont val="SimHei"/>
        <family val="3"/>
      </rPr>
      <t>用于下述（</t>
    </r>
    <r>
      <rPr>
        <sz val="11"/>
        <rFont val="Arial"/>
        <family val="2"/>
      </rPr>
      <t>4</t>
    </r>
    <r>
      <rPr>
        <sz val="11"/>
        <rFont val="SimHei"/>
        <family val="3"/>
      </rPr>
      <t>）～（</t>
    </r>
    <r>
      <rPr>
        <sz val="11"/>
        <rFont val="Arial"/>
        <family val="2"/>
      </rPr>
      <t>15</t>
    </r>
    <r>
      <rPr>
        <sz val="11"/>
        <rFont val="SimHei"/>
        <family val="3"/>
      </rPr>
      <t>）以外的情况／</t>
    </r>
    <phoneticPr fontId="6"/>
  </si>
  <si>
    <r>
      <rPr>
        <sz val="11"/>
        <rFont val="SimHei"/>
        <family val="3"/>
      </rPr>
      <t>可以使用／</t>
    </r>
    <phoneticPr fontId="6"/>
  </si>
  <si>
    <r>
      <rPr>
        <sz val="11"/>
        <rFont val="SimHei"/>
        <family val="3"/>
      </rPr>
      <t>使用于高融点焊锡（铅为</t>
    </r>
    <r>
      <rPr>
        <sz val="11"/>
        <rFont val="Arial"/>
        <family val="2"/>
      </rPr>
      <t>85wt%</t>
    </r>
    <r>
      <rPr>
        <sz val="11"/>
        <rFont val="SimHei"/>
        <family val="3"/>
      </rPr>
      <t>以上的焊锡）中／</t>
    </r>
    <phoneticPr fontId="6"/>
  </si>
  <si>
    <r>
      <rPr>
        <sz val="11"/>
        <rFont val="SimHei"/>
        <family val="3"/>
      </rPr>
      <t>使用于荧光管的玻璃（</t>
    </r>
    <r>
      <rPr>
        <sz val="11"/>
        <rFont val="Arial"/>
        <family val="2"/>
      </rPr>
      <t>0.2wt%</t>
    </r>
    <r>
      <rPr>
        <sz val="11"/>
        <rFont val="SimHei"/>
        <family val="3"/>
      </rPr>
      <t>以下）／</t>
    </r>
    <phoneticPr fontId="6"/>
  </si>
  <si>
    <r>
      <rPr>
        <sz val="11"/>
        <rFont val="SimHei"/>
        <family val="3"/>
      </rPr>
      <t>含有作为合金元素／</t>
    </r>
    <r>
      <rPr>
        <sz val="9"/>
        <rFont val="Arial"/>
        <family val="2"/>
      </rPr>
      <t>Contained as an alloying element</t>
    </r>
    <phoneticPr fontId="6"/>
  </si>
  <si>
    <r>
      <t xml:space="preserve">(b) </t>
    </r>
    <r>
      <rPr>
        <sz val="11"/>
        <rFont val="SimHei"/>
        <family val="3"/>
      </rPr>
      <t>铝材中少于</t>
    </r>
    <r>
      <rPr>
        <sz val="11"/>
        <rFont val="Arial"/>
        <family val="2"/>
      </rPr>
      <t>0.4wt%</t>
    </r>
    <r>
      <rPr>
        <sz val="11"/>
        <rFont val="SimHei"/>
        <family val="3"/>
      </rPr>
      <t>／</t>
    </r>
    <r>
      <rPr>
        <sz val="9"/>
        <rFont val="Arial"/>
        <family val="2"/>
      </rPr>
      <t>Used less than 0.4% by weight in aluminium alloy.</t>
    </r>
    <phoneticPr fontId="6"/>
  </si>
  <si>
    <r>
      <t xml:space="preserve">(c) </t>
    </r>
    <r>
      <rPr>
        <sz val="11"/>
        <rFont val="SimHei"/>
        <family val="3"/>
      </rPr>
      <t>铜材中少于</t>
    </r>
    <r>
      <rPr>
        <sz val="11"/>
        <rFont val="Arial"/>
        <family val="2"/>
      </rPr>
      <t>4wt%</t>
    </r>
    <r>
      <rPr>
        <sz val="11"/>
        <rFont val="SimHei"/>
        <family val="3"/>
      </rPr>
      <t>／</t>
    </r>
    <r>
      <rPr>
        <sz val="9"/>
        <rFont val="Arial"/>
        <family val="2"/>
      </rPr>
      <t>Used less than 4% by weight in copper alloy.</t>
    </r>
    <phoneticPr fontId="6"/>
  </si>
  <si>
    <r>
      <rPr>
        <sz val="11"/>
        <rFont val="SimHei"/>
        <family val="3"/>
      </rPr>
      <t>用於光学应用上所使用的白色玻璃</t>
    </r>
    <r>
      <rPr>
        <sz val="11"/>
        <rFont val="Arial"/>
        <family val="2"/>
      </rPr>
      <t xml:space="preserve"> </t>
    </r>
    <r>
      <rPr>
        <sz val="11"/>
        <rFont val="SimHei"/>
        <family val="3"/>
      </rPr>
      <t>［</t>
    </r>
    <r>
      <rPr>
        <sz val="11"/>
        <rFont val="Arial"/>
        <family val="2"/>
      </rPr>
      <t>2020</t>
    </r>
    <r>
      <rPr>
        <sz val="11"/>
        <rFont val="SimHei"/>
        <family val="3"/>
      </rPr>
      <t>年</t>
    </r>
    <r>
      <rPr>
        <sz val="11"/>
        <rFont val="Arial"/>
        <family val="2"/>
      </rPr>
      <t>7</t>
    </r>
    <r>
      <rPr>
        <sz val="11"/>
        <rFont val="SimHei"/>
        <family val="3"/>
      </rPr>
      <t>月</t>
    </r>
    <r>
      <rPr>
        <sz val="11"/>
        <rFont val="Arial"/>
        <family val="2"/>
      </rPr>
      <t>21</t>
    </r>
    <r>
      <rPr>
        <sz val="11"/>
        <rFont val="SimHei"/>
        <family val="3"/>
      </rPr>
      <t>日之後禁止使用</t>
    </r>
    <r>
      <rPr>
        <sz val="11"/>
        <rFont val="Arial"/>
        <family val="2"/>
      </rPr>
      <t xml:space="preserve"> *2</t>
    </r>
    <r>
      <rPr>
        <sz val="11"/>
        <rFont val="SimHei"/>
        <family val="3"/>
      </rPr>
      <t>）］／</t>
    </r>
    <phoneticPr fontId="6"/>
  </si>
  <si>
    <r>
      <rPr>
        <sz val="11"/>
        <rFont val="SimHei"/>
        <family val="3"/>
      </rPr>
      <t>用於离子色滤光片玻璃</t>
    </r>
    <r>
      <rPr>
        <sz val="11"/>
        <rFont val="Arial"/>
        <family val="2"/>
      </rPr>
      <t xml:space="preserve"> </t>
    </r>
    <r>
      <rPr>
        <sz val="11"/>
        <rFont val="SimHei"/>
        <family val="3"/>
      </rPr>
      <t>［</t>
    </r>
    <r>
      <rPr>
        <sz val="11"/>
        <rFont val="Arial"/>
        <family val="2"/>
      </rPr>
      <t>2020</t>
    </r>
    <r>
      <rPr>
        <sz val="11"/>
        <rFont val="SimHei"/>
        <family val="3"/>
      </rPr>
      <t>年</t>
    </r>
    <r>
      <rPr>
        <sz val="11"/>
        <rFont val="Arial"/>
        <family val="2"/>
      </rPr>
      <t>7</t>
    </r>
    <r>
      <rPr>
        <sz val="11"/>
        <rFont val="SimHei"/>
        <family val="3"/>
      </rPr>
      <t>月</t>
    </r>
    <r>
      <rPr>
        <sz val="11"/>
        <rFont val="Arial"/>
        <family val="2"/>
      </rPr>
      <t>21</t>
    </r>
    <r>
      <rPr>
        <sz val="11"/>
        <rFont val="SimHei"/>
        <family val="3"/>
      </rPr>
      <t>日之後禁止使用</t>
    </r>
    <r>
      <rPr>
        <sz val="11"/>
        <rFont val="Arial"/>
        <family val="2"/>
      </rPr>
      <t xml:space="preserve"> *2</t>
    </r>
    <r>
      <rPr>
        <sz val="11"/>
        <rFont val="SimHei"/>
        <family val="3"/>
      </rPr>
      <t>）］／</t>
    </r>
    <phoneticPr fontId="6"/>
  </si>
  <si>
    <r>
      <rPr>
        <sz val="11"/>
        <rFont val="SimHei"/>
        <family val="3"/>
      </rPr>
      <t>用於反射标准物质用的釉</t>
    </r>
    <r>
      <rPr>
        <sz val="11"/>
        <rFont val="Arial"/>
        <family val="2"/>
      </rPr>
      <t xml:space="preserve"> </t>
    </r>
    <r>
      <rPr>
        <sz val="11"/>
        <rFont val="SimHei"/>
        <family val="3"/>
      </rPr>
      <t>［</t>
    </r>
    <r>
      <rPr>
        <sz val="11"/>
        <rFont val="Arial"/>
        <family val="2"/>
      </rPr>
      <t>2020</t>
    </r>
    <r>
      <rPr>
        <sz val="11"/>
        <rFont val="SimHei"/>
        <family val="3"/>
      </rPr>
      <t>年</t>
    </r>
    <r>
      <rPr>
        <sz val="11"/>
        <rFont val="Arial"/>
        <family val="2"/>
      </rPr>
      <t>7</t>
    </r>
    <r>
      <rPr>
        <sz val="11"/>
        <rFont val="SimHei"/>
        <family val="3"/>
      </rPr>
      <t>月</t>
    </r>
    <r>
      <rPr>
        <sz val="11"/>
        <rFont val="Arial"/>
        <family val="2"/>
      </rPr>
      <t>21</t>
    </r>
    <r>
      <rPr>
        <sz val="11"/>
        <rFont val="SimHei"/>
        <family val="3"/>
      </rPr>
      <t>日之後禁止使用</t>
    </r>
    <r>
      <rPr>
        <sz val="11"/>
        <rFont val="Arial"/>
        <family val="2"/>
      </rPr>
      <t xml:space="preserve"> *2</t>
    </r>
    <r>
      <rPr>
        <sz val="11"/>
        <rFont val="SimHei"/>
        <family val="3"/>
      </rPr>
      <t>）］／</t>
    </r>
    <phoneticPr fontId="6"/>
  </si>
  <si>
    <r>
      <rPr>
        <sz val="11"/>
        <rFont val="SimHei"/>
        <family val="3"/>
      </rPr>
      <t>用于额定电压为</t>
    </r>
    <r>
      <rPr>
        <sz val="11"/>
        <rFont val="Arial"/>
        <family val="2"/>
      </rPr>
      <t>AC125V</t>
    </r>
    <r>
      <rPr>
        <sz val="11"/>
        <rFont val="SimHei"/>
        <family val="3"/>
      </rPr>
      <t>或者</t>
    </r>
    <r>
      <rPr>
        <sz val="11"/>
        <rFont val="Arial"/>
        <family val="2"/>
      </rPr>
      <t>DC250V</t>
    </r>
    <r>
      <rPr>
        <sz val="11"/>
        <rFont val="SimHei"/>
        <family val="3"/>
      </rPr>
      <t>或者更高的电容器中使用的介电陶瓷中／</t>
    </r>
    <phoneticPr fontId="6"/>
  </si>
  <si>
    <r>
      <t>EU RoHS</t>
    </r>
    <r>
      <rPr>
        <sz val="11"/>
        <rFont val="SimHei"/>
        <family val="3"/>
      </rPr>
      <t>指令</t>
    </r>
    <r>
      <rPr>
        <sz val="11"/>
        <rFont val="Arial"/>
        <family val="2"/>
      </rPr>
      <t xml:space="preserve"> </t>
    </r>
    <r>
      <rPr>
        <sz val="11"/>
        <rFont val="SimHei"/>
        <family val="3"/>
      </rPr>
      <t>附录</t>
    </r>
    <r>
      <rPr>
        <sz val="9"/>
        <rFont val="Arial"/>
        <family val="2"/>
      </rPr>
      <t>No.</t>
    </r>
    <r>
      <rPr>
        <sz val="11"/>
        <rFont val="SimHei"/>
        <family val="3"/>
      </rPr>
      <t>／</t>
    </r>
    <r>
      <rPr>
        <sz val="9"/>
        <rFont val="Arial"/>
        <family val="2"/>
      </rPr>
      <t>EU RoHS directive Annex No. :</t>
    </r>
    <phoneticPr fontId="6"/>
  </si>
  <si>
    <r>
      <rPr>
        <sz val="11"/>
        <rFont val="SimHei"/>
        <family val="3"/>
      </rPr>
      <t>汞及其化合物／</t>
    </r>
    <r>
      <rPr>
        <sz val="11"/>
        <rFont val="Arial"/>
        <family val="2"/>
      </rPr>
      <t>Mercury and its compound</t>
    </r>
    <phoneticPr fontId="6"/>
  </si>
  <si>
    <r>
      <rPr>
        <sz val="11"/>
        <rFont val="SimHei"/>
        <family val="3"/>
      </rPr>
      <t>使用于特别目的的冷阴极线荧光灯以及外部电极荧光灯（</t>
    </r>
    <r>
      <rPr>
        <sz val="11"/>
        <rFont val="Arial"/>
        <family val="2"/>
      </rPr>
      <t>CCFL</t>
    </r>
    <r>
      <rPr>
        <sz val="11"/>
        <rFont val="SimHei"/>
        <family val="3"/>
      </rPr>
      <t>或</t>
    </r>
    <r>
      <rPr>
        <sz val="11"/>
        <rFont val="Arial"/>
        <family val="2"/>
      </rPr>
      <t>EEFL</t>
    </r>
    <r>
      <rPr>
        <sz val="11"/>
        <rFont val="SimHei"/>
        <family val="3"/>
      </rPr>
      <t>）（每盏灯）／</t>
    </r>
    <phoneticPr fontId="6"/>
  </si>
  <si>
    <r>
      <t xml:space="preserve">(a) </t>
    </r>
    <r>
      <rPr>
        <sz val="11"/>
        <rFont val="SimHei"/>
        <family val="3"/>
      </rPr>
      <t>短型（</t>
    </r>
    <r>
      <rPr>
        <sz val="11"/>
        <rFont val="Arial"/>
        <family val="2"/>
      </rPr>
      <t>500mm</t>
    </r>
    <r>
      <rPr>
        <sz val="11"/>
        <rFont val="SimHei"/>
        <family val="3"/>
      </rPr>
      <t>以下）：未满</t>
    </r>
    <r>
      <rPr>
        <sz val="11"/>
        <rFont val="Arial"/>
        <family val="2"/>
      </rPr>
      <t>3.5mg</t>
    </r>
    <r>
      <rPr>
        <sz val="11"/>
        <rFont val="SimHei"/>
        <family val="3"/>
      </rPr>
      <t>／</t>
    </r>
    <r>
      <rPr>
        <sz val="9"/>
        <rFont val="Arial"/>
        <family val="2"/>
      </rPr>
      <t>Short length (</t>
    </r>
    <r>
      <rPr>
        <sz val="9"/>
        <rFont val="SimHei"/>
        <family val="3"/>
      </rPr>
      <t>≤</t>
    </r>
    <r>
      <rPr>
        <sz val="9"/>
        <rFont val="Arial"/>
        <family val="2"/>
      </rPr>
      <t xml:space="preserve"> 500 mm): under 3.5mg</t>
    </r>
    <phoneticPr fontId="6"/>
  </si>
  <si>
    <r>
      <t xml:space="preserve">(c) </t>
    </r>
    <r>
      <rPr>
        <sz val="11"/>
        <rFont val="SimHei"/>
        <family val="3"/>
      </rPr>
      <t>长型（超</t>
    </r>
    <r>
      <rPr>
        <sz val="11"/>
        <rFont val="Arial"/>
        <family val="2"/>
      </rPr>
      <t>1500mm</t>
    </r>
    <r>
      <rPr>
        <sz val="11"/>
        <rFont val="SimHei"/>
        <family val="3"/>
      </rPr>
      <t>）：未满</t>
    </r>
    <r>
      <rPr>
        <sz val="11"/>
        <rFont val="Arial"/>
        <family val="2"/>
      </rPr>
      <t>13mg</t>
    </r>
    <r>
      <rPr>
        <sz val="11"/>
        <rFont val="SimHei"/>
        <family val="3"/>
      </rPr>
      <t>／／</t>
    </r>
    <r>
      <rPr>
        <sz val="9"/>
        <rFont val="Arial"/>
        <family val="2"/>
      </rPr>
      <t>Long length (&gt; 1500 mm): under 13mg</t>
    </r>
    <phoneticPr fontId="6"/>
  </si>
  <si>
    <r>
      <rPr>
        <sz val="11"/>
        <rFont val="SimHei"/>
        <family val="3"/>
      </rPr>
      <t>用于金属卤化灯</t>
    </r>
    <r>
      <rPr>
        <sz val="11"/>
        <rFont val="Arial"/>
        <family val="2"/>
      </rPr>
      <t>(MH)</t>
    </r>
    <r>
      <rPr>
        <sz val="11"/>
        <rFont val="SimHei"/>
        <family val="3"/>
      </rPr>
      <t>中／</t>
    </r>
    <r>
      <rPr>
        <sz val="9"/>
        <rFont val="Arial"/>
        <family val="2"/>
      </rPr>
      <t>Used in metal halide lamps (MH).</t>
    </r>
    <phoneticPr fontId="6"/>
  </si>
  <si>
    <r>
      <t>*1)</t>
    </r>
    <r>
      <rPr>
        <b/>
        <sz val="8"/>
        <rFont val="SimHei"/>
        <family val="3"/>
      </rPr>
      <t>适用于</t>
    </r>
    <r>
      <rPr>
        <b/>
        <sz val="8"/>
        <rFont val="Arial"/>
        <family val="2"/>
      </rPr>
      <t xml:space="preserve"> EU RoHS</t>
    </r>
    <r>
      <rPr>
        <b/>
        <sz val="8"/>
        <rFont val="SimHei"/>
        <family val="3"/>
      </rPr>
      <t>指令（</t>
    </r>
    <r>
      <rPr>
        <b/>
        <sz val="8"/>
        <rFont val="Arial"/>
        <family val="2"/>
      </rPr>
      <t>2011/65/EU</t>
    </r>
    <r>
      <rPr>
        <b/>
        <sz val="8"/>
        <rFont val="SimHei"/>
        <family val="3"/>
      </rPr>
      <t>）以外的号码</t>
    </r>
    <r>
      <rPr>
        <b/>
        <sz val="8"/>
        <rFont val="Arial"/>
        <family val="2"/>
      </rPr>
      <t xml:space="preserve"> </t>
    </r>
    <phoneticPr fontId="6"/>
  </si>
  <si>
    <r>
      <t xml:space="preserve">*2) </t>
    </r>
    <r>
      <rPr>
        <b/>
        <sz val="8"/>
        <rFont val="SimHei"/>
        <family val="3"/>
      </rPr>
      <t>指夏普供货品的禁止使用日期。与</t>
    </r>
    <r>
      <rPr>
        <b/>
        <sz val="8"/>
        <rFont val="Arial"/>
        <family val="2"/>
      </rPr>
      <t>EU RoHS</t>
    </r>
    <r>
      <rPr>
        <b/>
        <sz val="8"/>
        <rFont val="SimHei"/>
        <family val="3"/>
      </rPr>
      <t>指令（</t>
    </r>
    <r>
      <rPr>
        <b/>
        <sz val="8"/>
        <rFont val="Arial"/>
        <family val="2"/>
      </rPr>
      <t>2011/65/EU</t>
    </r>
    <r>
      <rPr>
        <b/>
        <sz val="8"/>
        <rFont val="SimHei"/>
        <family val="3"/>
      </rPr>
      <t>）期限不同</t>
    </r>
    <r>
      <rPr>
        <b/>
        <sz val="8"/>
        <rFont val="Arial"/>
        <family val="2"/>
      </rPr>
      <t xml:space="preserve"> </t>
    </r>
    <r>
      <rPr>
        <b/>
        <sz val="8"/>
        <rFont val="SimHei"/>
        <family val="3"/>
      </rPr>
      <t>／</t>
    </r>
    <phoneticPr fontId="6"/>
  </si>
  <si>
    <r>
      <t xml:space="preserve">B1. </t>
    </r>
    <r>
      <rPr>
        <b/>
        <sz val="11"/>
        <rFont val="SimHei"/>
        <family val="3"/>
      </rPr>
      <t>针对全面禁止使用的化学物质在产品中的含有状况／</t>
    </r>
    <phoneticPr fontId="6"/>
  </si>
  <si>
    <r>
      <t xml:space="preserve">&lt; </t>
    </r>
    <r>
      <rPr>
        <sz val="9"/>
        <rFont val="SimHei"/>
        <family val="3"/>
      </rPr>
      <t>判定基准满足／</t>
    </r>
    <r>
      <rPr>
        <sz val="9"/>
        <rFont val="Arial"/>
        <family val="2"/>
      </rPr>
      <t>Meet criteria: "Applicable"</t>
    </r>
    <r>
      <rPr>
        <sz val="9"/>
        <rFont val="SimHei"/>
        <family val="3"/>
      </rPr>
      <t>、未满足／</t>
    </r>
    <r>
      <rPr>
        <sz val="9"/>
        <rFont val="Arial"/>
        <family val="2"/>
      </rPr>
      <t>Do not meet criteria: "Not Applicable" &gt;</t>
    </r>
    <phoneticPr fontId="6"/>
  </si>
  <si>
    <r>
      <rPr>
        <sz val="11"/>
        <rFont val="SimHei"/>
        <family val="3"/>
      </rPr>
      <t>化学物质名称／</t>
    </r>
    <r>
      <rPr>
        <sz val="9"/>
        <rFont val="Arial"/>
        <family val="2"/>
      </rPr>
      <t>Substances</t>
    </r>
    <phoneticPr fontId="6"/>
  </si>
  <si>
    <r>
      <rPr>
        <sz val="11"/>
        <rFont val="SimHei"/>
        <family val="3"/>
      </rPr>
      <t>详细内容（判定标准）／</t>
    </r>
    <r>
      <rPr>
        <sz val="9"/>
        <rFont val="Arial"/>
        <family val="2"/>
      </rPr>
      <t xml:space="preserve">Check point (Criteria) *1) </t>
    </r>
    <phoneticPr fontId="6"/>
  </si>
  <si>
    <r>
      <rPr>
        <sz val="11"/>
        <rFont val="SimHei"/>
        <family val="3"/>
      </rPr>
      <t>确认结果／</t>
    </r>
    <r>
      <rPr>
        <sz val="9"/>
        <rFont val="Arial"/>
        <family val="2"/>
      </rPr>
      <t>Result</t>
    </r>
    <phoneticPr fontId="6"/>
  </si>
  <si>
    <r>
      <rPr>
        <sz val="11"/>
        <rFont val="SimHei"/>
        <family val="3"/>
      </rPr>
      <t>三丁基锡＝环氧（</t>
    </r>
    <r>
      <rPr>
        <sz val="11"/>
        <rFont val="Arial"/>
        <family val="2"/>
      </rPr>
      <t>TBTO</t>
    </r>
    <r>
      <rPr>
        <sz val="11"/>
        <rFont val="SimHei"/>
        <family val="3"/>
      </rPr>
      <t>）／</t>
    </r>
    <phoneticPr fontId="6"/>
  </si>
  <si>
    <r>
      <rPr>
        <sz val="11"/>
        <rFont val="SimHei"/>
        <family val="3"/>
      </rPr>
      <t>三取代有机锡化合物／</t>
    </r>
    <phoneticPr fontId="6"/>
  </si>
  <si>
    <r>
      <rPr>
        <sz val="11"/>
        <rFont val="SimHei"/>
        <family val="3"/>
      </rPr>
      <t>非特意添加，且含有量在</t>
    </r>
    <r>
      <rPr>
        <sz val="11"/>
        <rFont val="Arial"/>
        <family val="2"/>
      </rPr>
      <t>1000ppm</t>
    </r>
    <r>
      <rPr>
        <sz val="11"/>
        <rFont val="SimHei"/>
        <family val="3"/>
      </rPr>
      <t>以下／</t>
    </r>
    <phoneticPr fontId="6"/>
  </si>
  <si>
    <r>
      <rPr>
        <sz val="11"/>
        <rFont val="SimHei"/>
        <family val="3"/>
      </rPr>
      <t>多氯联苯类（</t>
    </r>
    <r>
      <rPr>
        <sz val="11"/>
        <rFont val="Arial"/>
        <family val="2"/>
      </rPr>
      <t>PCB</t>
    </r>
    <r>
      <rPr>
        <sz val="11"/>
        <rFont val="SimHei"/>
        <family val="3"/>
      </rPr>
      <t>类）、及特定的替代物质／</t>
    </r>
    <phoneticPr fontId="6"/>
  </si>
  <si>
    <r>
      <rPr>
        <sz val="11"/>
        <rFont val="SimHei"/>
        <family val="3"/>
      </rPr>
      <t>非特意添加／</t>
    </r>
    <phoneticPr fontId="6"/>
  </si>
  <si>
    <r>
      <rPr>
        <sz val="11"/>
        <rFont val="SimHei"/>
        <family val="3"/>
      </rPr>
      <t>多氯化钠／</t>
    </r>
    <phoneticPr fontId="7"/>
  </si>
  <si>
    <r>
      <rPr>
        <sz val="11"/>
        <rFont val="SimHei"/>
        <family val="3"/>
      </rPr>
      <t>详细内容（判定标准）／</t>
    </r>
    <r>
      <rPr>
        <sz val="9"/>
        <rFont val="Arial"/>
        <family val="2"/>
      </rPr>
      <t xml:space="preserve">Check point (Criteria) *1) </t>
    </r>
    <phoneticPr fontId="6"/>
  </si>
  <si>
    <r>
      <t xml:space="preserve">&lt; </t>
    </r>
    <r>
      <rPr>
        <sz val="9"/>
        <rFont val="SimHei"/>
        <family val="3"/>
      </rPr>
      <t>下一页／</t>
    </r>
    <r>
      <rPr>
        <sz val="9"/>
        <rFont val="Arial"/>
        <family val="2"/>
      </rPr>
      <t>Continued on the next page.&gt;</t>
    </r>
    <phoneticPr fontId="6"/>
  </si>
  <si>
    <r>
      <rPr>
        <sz val="11"/>
        <rFont val="SimHei"/>
        <family val="3"/>
      </rPr>
      <t>红磷</t>
    </r>
    <rPh sb="0" eb="1">
      <t>セキ</t>
    </rPh>
    <phoneticPr fontId="6"/>
  </si>
  <si>
    <r>
      <t xml:space="preserve">*1) </t>
    </r>
    <r>
      <rPr>
        <sz val="9"/>
        <rFont val="SimHei"/>
        <family val="3"/>
      </rPr>
      <t>关于臭氧层破坏物质，</t>
    </r>
    <r>
      <rPr>
        <sz val="9"/>
        <rFont val="Arial"/>
        <family val="2"/>
      </rPr>
      <t>CFC</t>
    </r>
    <r>
      <rPr>
        <sz val="9"/>
        <rFont val="SimHei"/>
        <family val="3"/>
      </rPr>
      <t>，</t>
    </r>
    <r>
      <rPr>
        <sz val="9"/>
        <rFont val="Arial"/>
        <family val="2"/>
      </rPr>
      <t>1.1.1-</t>
    </r>
    <r>
      <rPr>
        <sz val="9"/>
        <rFont val="SimHei"/>
        <family val="3"/>
      </rPr>
      <t>三氯乙烷，四氯化碳，溴甲烷，溴氯甲烷，二氟二氯甲烷，</t>
    </r>
    <r>
      <rPr>
        <sz val="9"/>
        <rFont val="Arial"/>
        <family val="2"/>
      </rPr>
      <t>HBFC</t>
    </r>
    <r>
      <rPr>
        <sz val="9"/>
        <rFont val="SimHei"/>
        <family val="3"/>
      </rPr>
      <t>，和</t>
    </r>
    <r>
      <rPr>
        <sz val="9"/>
        <rFont val="Arial"/>
        <family val="2"/>
      </rPr>
      <t>HCFC</t>
    </r>
    <r>
      <rPr>
        <sz val="9"/>
        <rFont val="SimHei"/>
        <family val="3"/>
      </rPr>
      <t>为对象／</t>
    </r>
    <phoneticPr fontId="6"/>
  </si>
  <si>
    <r>
      <rPr>
        <sz val="9"/>
        <rFont val="SimHei"/>
        <family val="3"/>
      </rPr>
      <t>请签名，或盖姓名章</t>
    </r>
    <phoneticPr fontId="6"/>
  </si>
  <si>
    <r>
      <rPr>
        <sz val="10"/>
        <rFont val="SimHei"/>
        <family val="3"/>
      </rPr>
      <t>公司名</t>
    </r>
    <r>
      <rPr>
        <sz val="10"/>
        <rFont val="Arial"/>
        <family val="2"/>
      </rPr>
      <t xml:space="preserve"> </t>
    </r>
    <r>
      <rPr>
        <sz val="10"/>
        <rFont val="SimHei"/>
        <family val="3"/>
      </rPr>
      <t>〔请输入（填写）并盖公司章。〕</t>
    </r>
    <phoneticPr fontId="6"/>
  </si>
  <si>
    <r>
      <rPr>
        <sz val="10"/>
        <rFont val="SimHei"/>
        <family val="3"/>
      </rPr>
      <t>交纳的产品名称</t>
    </r>
    <phoneticPr fontId="6"/>
  </si>
  <si>
    <r>
      <rPr>
        <sz val="10"/>
        <rFont val="SimHei"/>
        <family val="3"/>
      </rPr>
      <t>多溴化联苯类</t>
    </r>
    <r>
      <rPr>
        <sz val="10"/>
        <rFont val="Arial"/>
        <family val="2"/>
      </rPr>
      <t xml:space="preserve"> </t>
    </r>
    <r>
      <rPr>
        <sz val="10"/>
        <rFont val="SimHei"/>
        <family val="3"/>
      </rPr>
      <t>（</t>
    </r>
    <r>
      <rPr>
        <sz val="10"/>
        <rFont val="Arial"/>
        <family val="2"/>
      </rPr>
      <t>PBB</t>
    </r>
    <r>
      <rPr>
        <sz val="10"/>
        <rFont val="SimHei"/>
        <family val="3"/>
      </rPr>
      <t>类）</t>
    </r>
    <phoneticPr fontId="6"/>
  </si>
  <si>
    <r>
      <rPr>
        <sz val="10"/>
        <rFont val="SimHei"/>
        <family val="3"/>
      </rPr>
      <t>磷酸三氯乙酯（</t>
    </r>
    <r>
      <rPr>
        <sz val="10"/>
        <rFont val="Arial"/>
        <family val="2"/>
      </rPr>
      <t>TCEP</t>
    </r>
    <r>
      <rPr>
        <sz val="10"/>
        <rFont val="SimHei"/>
        <family val="3"/>
      </rPr>
      <t>）</t>
    </r>
    <phoneticPr fontId="6"/>
  </si>
  <si>
    <r>
      <rPr>
        <sz val="11"/>
        <rFont val="SimHei"/>
        <family val="3"/>
      </rPr>
      <t xml:space="preserve">可以使用／
</t>
    </r>
    <r>
      <rPr>
        <sz val="11"/>
        <rFont val="Arial"/>
        <family val="2"/>
      </rPr>
      <t>Usable</t>
    </r>
    <phoneticPr fontId="6"/>
  </si>
  <si>
    <r>
      <t>POP</t>
    </r>
    <r>
      <rPr>
        <sz val="11"/>
        <rFont val="SimHei"/>
        <family val="3"/>
      </rPr>
      <t>ｓ</t>
    </r>
    <r>
      <rPr>
        <sz val="11"/>
        <rFont val="Arial"/>
        <family val="2"/>
      </rPr>
      <t xml:space="preserve"> *6)</t>
    </r>
    <phoneticPr fontId="6"/>
  </si>
  <si>
    <r>
      <t xml:space="preserve">(d) </t>
    </r>
    <r>
      <rPr>
        <sz val="11"/>
        <rFont val="SimHei"/>
        <family val="3"/>
      </rPr>
      <t>用于半导体／</t>
    </r>
    <r>
      <rPr>
        <sz val="9"/>
        <rFont val="Arial"/>
        <family val="2"/>
      </rPr>
      <t>Semiconductor</t>
    </r>
    <phoneticPr fontId="6"/>
  </si>
  <si>
    <r>
      <rPr>
        <sz val="11"/>
        <rFont val="SimHei"/>
        <family val="3"/>
      </rPr>
      <t>用于上述（</t>
    </r>
    <r>
      <rPr>
        <sz val="11"/>
        <rFont val="Arial"/>
        <family val="2"/>
      </rPr>
      <t>1</t>
    </r>
    <r>
      <rPr>
        <sz val="11"/>
        <rFont val="SimHei"/>
        <family val="3"/>
      </rPr>
      <t>）以外的情况（用于不长时间接触人体的部位）／</t>
    </r>
    <phoneticPr fontId="6"/>
  </si>
  <si>
    <r>
      <rPr>
        <sz val="11"/>
        <rFont val="SimHei"/>
        <family val="3"/>
      </rPr>
      <t>用于包装材料</t>
    </r>
    <r>
      <rPr>
        <sz val="11"/>
        <rFont val="ＭＳ Ｐゴシック"/>
        <family val="3"/>
        <charset val="128"/>
      </rPr>
      <t>・</t>
    </r>
    <r>
      <rPr>
        <sz val="11"/>
        <rFont val="SimHei"/>
        <family val="3"/>
      </rPr>
      <t>零件（对象为夏普产品捆包用途）中／</t>
    </r>
    <phoneticPr fontId="6"/>
  </si>
  <si>
    <r>
      <t>RoHS</t>
    </r>
    <r>
      <rPr>
        <sz val="11"/>
        <rFont val="SimHei"/>
        <family val="3"/>
      </rPr>
      <t>相关的</t>
    </r>
    <r>
      <rPr>
        <sz val="11"/>
        <rFont val="Arial"/>
        <family val="2"/>
      </rPr>
      <t>4</t>
    </r>
    <r>
      <rPr>
        <sz val="11"/>
        <rFont val="SimHei"/>
        <family val="3"/>
      </rPr>
      <t>种邻苯二甲酸酯物质以外的邻苯二甲酸酯类／</t>
    </r>
    <r>
      <rPr>
        <sz val="9"/>
        <rFont val="Arial"/>
        <family val="2"/>
      </rPr>
      <t>Phthalates other than the four RoHS related Phthalates.</t>
    </r>
    <phoneticPr fontId="6"/>
  </si>
  <si>
    <r>
      <rPr>
        <sz val="11"/>
        <rFont val="SimHei"/>
        <family val="3"/>
      </rPr>
      <t>放射性物质／</t>
    </r>
    <r>
      <rPr>
        <sz val="9"/>
        <rFont val="Arial"/>
        <family val="2"/>
      </rPr>
      <t>Radioactive substances</t>
    </r>
    <phoneticPr fontId="6"/>
  </si>
  <si>
    <r>
      <rPr>
        <sz val="11"/>
        <rFont val="SimHei"/>
        <family val="3"/>
      </rPr>
      <t>微波炉的磁控管上使用了钍／</t>
    </r>
    <phoneticPr fontId="6"/>
  </si>
  <si>
    <r>
      <rPr>
        <sz val="11"/>
        <rFont val="SimHei"/>
        <family val="3"/>
      </rPr>
      <t>用于下述（</t>
    </r>
    <r>
      <rPr>
        <sz val="11"/>
        <rFont val="Arial"/>
        <family val="2"/>
      </rPr>
      <t>2</t>
    </r>
    <r>
      <rPr>
        <sz val="11"/>
        <rFont val="SimHei"/>
        <family val="3"/>
      </rPr>
      <t>）～（</t>
    </r>
    <r>
      <rPr>
        <sz val="11"/>
        <rFont val="Arial"/>
        <family val="2"/>
      </rPr>
      <t>4</t>
    </r>
    <r>
      <rPr>
        <sz val="11"/>
        <rFont val="SimHei"/>
        <family val="3"/>
      </rPr>
      <t>）以外的情况／</t>
    </r>
    <phoneticPr fontId="6"/>
  </si>
  <si>
    <r>
      <rPr>
        <sz val="11"/>
        <rFont val="SimHei"/>
        <family val="3"/>
      </rPr>
      <t>使用于作为制冷</t>
    </r>
    <r>
      <rPr>
        <sz val="11"/>
        <rFont val="Arial"/>
        <family val="2"/>
      </rPr>
      <t>/</t>
    </r>
    <r>
      <rPr>
        <sz val="11"/>
        <rFont val="SimHei"/>
        <family val="3"/>
      </rPr>
      <t>热绝缘的</t>
    </r>
    <r>
      <rPr>
        <sz val="11"/>
        <rFont val="Arial"/>
        <family val="2"/>
      </rPr>
      <t>HFC</t>
    </r>
    <r>
      <rPr>
        <sz val="11"/>
        <rFont val="SimHei"/>
        <family val="3"/>
      </rPr>
      <t>／</t>
    </r>
    <phoneticPr fontId="6"/>
  </si>
  <si>
    <r>
      <rPr>
        <sz val="11"/>
        <rFont val="SimHei"/>
        <family val="3"/>
      </rPr>
      <t>甲醛／</t>
    </r>
    <r>
      <rPr>
        <sz val="9"/>
        <rFont val="Arial"/>
        <family val="2"/>
      </rPr>
      <t>Formaldehyde</t>
    </r>
    <phoneticPr fontId="6"/>
  </si>
  <si>
    <r>
      <rPr>
        <sz val="11"/>
        <rFont val="SimHei"/>
        <family val="3"/>
      </rPr>
      <t>过氯酸盐／</t>
    </r>
    <r>
      <rPr>
        <sz val="9"/>
        <rFont val="Arial"/>
        <family val="2"/>
      </rPr>
      <t>Perchlorates</t>
    </r>
    <phoneticPr fontId="6"/>
  </si>
  <si>
    <r>
      <rPr>
        <sz val="11"/>
        <rFont val="SimHei"/>
        <family val="3"/>
      </rPr>
      <t>镍及其化合物／</t>
    </r>
    <r>
      <rPr>
        <sz val="9"/>
        <rFont val="Arial"/>
        <family val="2"/>
      </rPr>
      <t>Nickel and its compound</t>
    </r>
    <phoneticPr fontId="6"/>
  </si>
  <si>
    <r>
      <t xml:space="preserve">&lt; </t>
    </r>
    <r>
      <rPr>
        <sz val="9"/>
        <rFont val="SimHei"/>
        <family val="3"/>
      </rPr>
      <t>接上一页／</t>
    </r>
    <r>
      <rPr>
        <sz val="9"/>
        <rFont val="Arial"/>
        <family val="2"/>
      </rPr>
      <t>Continued from the previous page.&gt;</t>
    </r>
    <phoneticPr fontId="6"/>
  </si>
  <si>
    <r>
      <rPr>
        <sz val="11"/>
        <rFont val="SimHei"/>
        <family val="3"/>
      </rPr>
      <t>确认内容（判定标准）／</t>
    </r>
    <r>
      <rPr>
        <sz val="9"/>
        <rFont val="Arial"/>
        <family val="2"/>
      </rPr>
      <t>Check point (Criteria)</t>
    </r>
    <phoneticPr fontId="6"/>
  </si>
  <si>
    <r>
      <t xml:space="preserve">(d) </t>
    </r>
    <r>
      <rPr>
        <sz val="11"/>
        <rFont val="SimHei"/>
        <family val="3"/>
      </rPr>
      <t>用于铜箔／</t>
    </r>
    <r>
      <rPr>
        <sz val="9"/>
        <rFont val="Arial"/>
        <family val="2"/>
      </rPr>
      <t>Copper foil</t>
    </r>
    <phoneticPr fontId="6"/>
  </si>
  <si>
    <r>
      <t xml:space="preserve">(e) </t>
    </r>
    <r>
      <rPr>
        <sz val="11"/>
        <rFont val="SimHei"/>
        <family val="3"/>
      </rPr>
      <t>用于电池／</t>
    </r>
    <r>
      <rPr>
        <sz val="9"/>
        <rFont val="Arial"/>
        <family val="2"/>
      </rPr>
      <t>Battery</t>
    </r>
    <phoneticPr fontId="6"/>
  </si>
  <si>
    <r>
      <rPr>
        <sz val="11"/>
        <rFont val="SimHei"/>
        <family val="3"/>
      </rPr>
      <t>磷酸三（</t>
    </r>
    <r>
      <rPr>
        <sz val="11"/>
        <rFont val="Arial"/>
        <family val="2"/>
      </rPr>
      <t>2-</t>
    </r>
    <r>
      <rPr>
        <sz val="11"/>
        <rFont val="SimHei"/>
        <family val="3"/>
      </rPr>
      <t>氯乙基）酯（</t>
    </r>
    <r>
      <rPr>
        <sz val="11"/>
        <rFont val="Arial"/>
        <family val="2"/>
      </rPr>
      <t>TCEP</t>
    </r>
    <r>
      <rPr>
        <sz val="11"/>
        <rFont val="SimHei"/>
        <family val="3"/>
      </rPr>
      <t>）／</t>
    </r>
    <r>
      <rPr>
        <sz val="9"/>
        <rFont val="Arial"/>
        <family val="2"/>
      </rPr>
      <t xml:space="preserve">Tris (2-chloroethyl) phosphate </t>
    </r>
    <r>
      <rPr>
        <sz val="9"/>
        <rFont val="SimHei"/>
        <family val="3"/>
      </rPr>
      <t>（</t>
    </r>
    <r>
      <rPr>
        <sz val="9"/>
        <rFont val="Arial"/>
        <family val="2"/>
      </rPr>
      <t>TCEP</t>
    </r>
    <r>
      <rPr>
        <sz val="9"/>
        <rFont val="SimHei"/>
        <family val="3"/>
      </rPr>
      <t>）</t>
    </r>
    <phoneticPr fontId="6"/>
  </si>
  <si>
    <r>
      <rPr>
        <sz val="11"/>
        <rFont val="SimHei"/>
        <family val="3"/>
      </rPr>
      <t xml:space="preserve">可以使用／
</t>
    </r>
    <r>
      <rPr>
        <sz val="9"/>
        <rFont val="Arial"/>
        <family val="2"/>
      </rPr>
      <t>Usable</t>
    </r>
    <phoneticPr fontId="6"/>
  </si>
  <si>
    <r>
      <rPr>
        <sz val="11"/>
        <rFont val="SimHei"/>
        <family val="3"/>
      </rPr>
      <t>用于上述（</t>
    </r>
    <r>
      <rPr>
        <sz val="11"/>
        <rFont val="Arial"/>
        <family val="2"/>
      </rPr>
      <t>1</t>
    </r>
    <r>
      <rPr>
        <sz val="11"/>
        <rFont val="SimHei"/>
        <family val="3"/>
      </rPr>
      <t>）以外／</t>
    </r>
    <r>
      <rPr>
        <sz val="9"/>
        <rFont val="Arial"/>
        <family val="2"/>
      </rPr>
      <t>Used in the other than the above (1).</t>
    </r>
    <phoneticPr fontId="6"/>
  </si>
  <si>
    <r>
      <rPr>
        <sz val="11"/>
        <rFont val="SimHei"/>
        <family val="3"/>
      </rPr>
      <t>使用在光学应用上所使用的白色玻璃</t>
    </r>
    <r>
      <rPr>
        <sz val="11"/>
        <rFont val="Arial"/>
        <family val="2"/>
      </rPr>
      <t xml:space="preserve"> </t>
    </r>
    <r>
      <rPr>
        <sz val="11"/>
        <rFont val="SimHei"/>
        <family val="3"/>
      </rPr>
      <t>［</t>
    </r>
    <r>
      <rPr>
        <sz val="11"/>
        <rFont val="Arial"/>
        <family val="2"/>
      </rPr>
      <t>2020</t>
    </r>
    <r>
      <rPr>
        <sz val="11"/>
        <rFont val="SimHei"/>
        <family val="3"/>
      </rPr>
      <t>年</t>
    </r>
    <r>
      <rPr>
        <sz val="11"/>
        <rFont val="Arial"/>
        <family val="2"/>
      </rPr>
      <t>7</t>
    </r>
    <r>
      <rPr>
        <sz val="11"/>
        <rFont val="SimHei"/>
        <family val="3"/>
      </rPr>
      <t>月</t>
    </r>
    <r>
      <rPr>
        <sz val="11"/>
        <rFont val="Arial"/>
        <family val="2"/>
      </rPr>
      <t>21</t>
    </r>
    <r>
      <rPr>
        <sz val="11"/>
        <rFont val="SimHei"/>
        <family val="3"/>
      </rPr>
      <t>日之後禁止使用</t>
    </r>
    <r>
      <rPr>
        <sz val="11"/>
        <rFont val="Arial"/>
        <family val="2"/>
      </rPr>
      <t xml:space="preserve"> *2</t>
    </r>
    <r>
      <rPr>
        <sz val="11"/>
        <rFont val="SimHei"/>
        <family val="3"/>
      </rPr>
      <t>）］／</t>
    </r>
    <phoneticPr fontId="6"/>
  </si>
  <si>
    <r>
      <rPr>
        <sz val="11"/>
        <rFont val="SimHei"/>
        <family val="3"/>
      </rPr>
      <t>铅及其化合物／</t>
    </r>
    <r>
      <rPr>
        <sz val="11"/>
        <rFont val="Arial"/>
        <family val="2"/>
      </rPr>
      <t>Lead and its compound</t>
    </r>
    <phoneticPr fontId="6"/>
  </si>
  <si>
    <r>
      <rPr>
        <sz val="11"/>
        <rFont val="SimHei"/>
        <family val="3"/>
      </rPr>
      <t>用于玩具的零件、材料中，在涂饰等的表面处理层每单位使用量在</t>
    </r>
    <r>
      <rPr>
        <sz val="11"/>
        <rFont val="Arial"/>
        <family val="2"/>
      </rPr>
      <t>0.009%</t>
    </r>
    <r>
      <rPr>
        <sz val="11"/>
        <rFont val="SimHei"/>
        <family val="3"/>
      </rPr>
      <t>以上／</t>
    </r>
    <phoneticPr fontId="6"/>
  </si>
  <si>
    <r>
      <t xml:space="preserve">(a) </t>
    </r>
    <r>
      <rPr>
        <sz val="11"/>
        <rFont val="SimHei"/>
        <family val="3"/>
      </rPr>
      <t>钢材中少于</t>
    </r>
    <r>
      <rPr>
        <sz val="11"/>
        <rFont val="Arial"/>
        <family val="2"/>
      </rPr>
      <t>0.35wt%</t>
    </r>
    <r>
      <rPr>
        <sz val="11"/>
        <rFont val="SimHei"/>
        <family val="3"/>
      </rPr>
      <t>／</t>
    </r>
    <r>
      <rPr>
        <sz val="9"/>
        <rFont val="Arial"/>
        <family val="2"/>
      </rPr>
      <t>Used less than 0.35% by weight in steel alloy.</t>
    </r>
    <phoneticPr fontId="6"/>
  </si>
  <si>
    <r>
      <rPr>
        <sz val="11"/>
        <rFont val="SimHei"/>
        <family val="3"/>
      </rPr>
      <t>使用于集成电路或单机半导体（单一功能半导体）部分电容的</t>
    </r>
    <r>
      <rPr>
        <sz val="11"/>
        <rFont val="Arial"/>
        <family val="2"/>
      </rPr>
      <t>PZT</t>
    </r>
    <r>
      <rPr>
        <sz val="11"/>
        <rFont val="SimHei"/>
        <family val="3"/>
      </rPr>
      <t>系绝缘陶瓷材料中／</t>
    </r>
    <phoneticPr fontId="6"/>
  </si>
  <si>
    <r>
      <rPr>
        <sz val="11"/>
        <rFont val="SimHei"/>
        <family val="3"/>
      </rPr>
      <t>用于下述（</t>
    </r>
    <r>
      <rPr>
        <sz val="11"/>
        <rFont val="Arial"/>
        <family val="2"/>
      </rPr>
      <t>2</t>
    </r>
    <r>
      <rPr>
        <sz val="11"/>
        <rFont val="SimHei"/>
        <family val="3"/>
      </rPr>
      <t>）～（</t>
    </r>
    <r>
      <rPr>
        <sz val="11"/>
        <rFont val="Arial"/>
        <family val="2"/>
      </rPr>
      <t>5</t>
    </r>
    <r>
      <rPr>
        <sz val="11"/>
        <rFont val="SimHei"/>
        <family val="3"/>
      </rPr>
      <t>）以外的情况／</t>
    </r>
    <phoneticPr fontId="6"/>
  </si>
  <si>
    <r>
      <t xml:space="preserve">(b) </t>
    </r>
    <r>
      <rPr>
        <sz val="11"/>
        <rFont val="SimHei"/>
        <family val="3"/>
      </rPr>
      <t>中型（超</t>
    </r>
    <r>
      <rPr>
        <sz val="11"/>
        <rFont val="Arial"/>
        <family val="2"/>
      </rPr>
      <t>500mm</t>
    </r>
    <r>
      <rPr>
        <sz val="11"/>
        <rFont val="SimHei"/>
        <family val="3"/>
      </rPr>
      <t>，且在</t>
    </r>
    <r>
      <rPr>
        <sz val="11"/>
        <rFont val="Arial"/>
        <family val="2"/>
      </rPr>
      <t>1500mm</t>
    </r>
    <r>
      <rPr>
        <sz val="11"/>
        <rFont val="SimHei"/>
        <family val="3"/>
      </rPr>
      <t>以下）：未满</t>
    </r>
    <r>
      <rPr>
        <sz val="11"/>
        <rFont val="Arial"/>
        <family val="2"/>
      </rPr>
      <t>5mg</t>
    </r>
    <r>
      <rPr>
        <sz val="11"/>
        <rFont val="SimHei"/>
        <family val="3"/>
      </rPr>
      <t>／</t>
    </r>
    <phoneticPr fontId="6"/>
  </si>
  <si>
    <r>
      <t xml:space="preserve">B. </t>
    </r>
    <r>
      <rPr>
        <b/>
        <sz val="12"/>
        <rFont val="SimHei"/>
        <family val="3"/>
      </rPr>
      <t>其它／</t>
    </r>
    <r>
      <rPr>
        <b/>
        <sz val="9"/>
        <rFont val="Arial"/>
        <family val="2"/>
      </rPr>
      <t>Others</t>
    </r>
    <phoneticPr fontId="6"/>
  </si>
  <si>
    <r>
      <rPr>
        <sz val="11"/>
        <rFont val="SimHei"/>
        <family val="3"/>
      </rPr>
      <t>甲醛／</t>
    </r>
    <phoneticPr fontId="6"/>
  </si>
  <si>
    <r>
      <rPr>
        <sz val="11"/>
        <rFont val="SimHei"/>
        <family val="3"/>
      </rPr>
      <t>镍及其化合物／</t>
    </r>
    <phoneticPr fontId="6"/>
  </si>
  <si>
    <r>
      <rPr>
        <sz val="11"/>
        <rFont val="SimHei"/>
        <family val="3"/>
      </rPr>
      <t>非特意添加，且包覆材料在</t>
    </r>
    <r>
      <rPr>
        <sz val="11"/>
        <rFont val="Arial"/>
        <family val="2"/>
      </rPr>
      <t>1μg/m2</t>
    </r>
    <r>
      <rPr>
        <sz val="11"/>
        <rFont val="SimHei"/>
        <family val="3"/>
      </rPr>
      <t>以下，此外的含有均在</t>
    </r>
    <r>
      <rPr>
        <sz val="11"/>
        <rFont val="Arial"/>
        <family val="2"/>
      </rPr>
      <t>1000ppm</t>
    </r>
    <r>
      <rPr>
        <sz val="11"/>
        <rFont val="SimHei"/>
        <family val="3"/>
      </rPr>
      <t>以下／</t>
    </r>
    <phoneticPr fontId="6"/>
  </si>
  <si>
    <r>
      <rPr>
        <sz val="11"/>
        <rFont val="SimHei"/>
        <family val="3"/>
      </rPr>
      <t>多环芳香族碳氢化合物（</t>
    </r>
    <r>
      <rPr>
        <sz val="11"/>
        <rFont val="Arial"/>
        <family val="2"/>
      </rPr>
      <t>PAH</t>
    </r>
    <r>
      <rPr>
        <sz val="11"/>
        <rFont val="SimHei"/>
        <family val="3"/>
      </rPr>
      <t>）／</t>
    </r>
    <phoneticPr fontId="6"/>
  </si>
  <si>
    <r>
      <rPr>
        <sz val="9"/>
        <rFont val="SimHei"/>
        <family val="3"/>
      </rPr>
      <t>请输入（填写）并盖公司章</t>
    </r>
    <phoneticPr fontId="6"/>
  </si>
  <si>
    <r>
      <rPr>
        <sz val="11"/>
        <rFont val="SimHei"/>
        <family val="3"/>
      </rPr>
      <t>铅及其化合物／</t>
    </r>
    <phoneticPr fontId="6"/>
  </si>
  <si>
    <r>
      <rPr>
        <sz val="11"/>
        <rFont val="SimHei"/>
        <family val="3"/>
      </rPr>
      <t>汞及其化合物／</t>
    </r>
    <phoneticPr fontId="6"/>
  </si>
  <si>
    <r>
      <rPr>
        <b/>
        <u/>
        <sz val="12"/>
        <rFont val="SimHei"/>
        <family val="3"/>
      </rPr>
      <t>含有化学物质报告书（</t>
    </r>
    <r>
      <rPr>
        <b/>
        <u/>
        <sz val="12"/>
        <rFont val="Arial"/>
        <family val="2"/>
      </rPr>
      <t>ver.10.0</t>
    </r>
    <r>
      <rPr>
        <b/>
        <u/>
        <sz val="12"/>
        <rFont val="SimHei"/>
        <family val="3"/>
      </rPr>
      <t>）</t>
    </r>
    <r>
      <rPr>
        <b/>
        <u/>
        <sz val="12"/>
        <rFont val="Arial"/>
        <family val="2"/>
      </rPr>
      <t xml:space="preserve"> </t>
    </r>
    <r>
      <rPr>
        <b/>
        <u/>
        <sz val="12"/>
        <rFont val="SimHei"/>
        <family val="3"/>
      </rPr>
      <t>（原名：环境负荷物质含有情况报告书）
（</t>
    </r>
    <r>
      <rPr>
        <b/>
        <u/>
        <sz val="12"/>
        <rFont val="Arial"/>
        <family val="2"/>
      </rPr>
      <t xml:space="preserve"> </t>
    </r>
    <r>
      <rPr>
        <b/>
        <u/>
        <sz val="12"/>
        <rFont val="SimHei"/>
        <family val="3"/>
      </rPr>
      <t>元器类公司※</t>
    </r>
    <r>
      <rPr>
        <b/>
        <u/>
        <sz val="12"/>
        <rFont val="Arial"/>
        <family val="2"/>
      </rPr>
      <t>ver.10.0</t>
    </r>
    <r>
      <rPr>
        <b/>
        <u/>
        <sz val="12"/>
        <rFont val="SimHei"/>
        <family val="3"/>
      </rPr>
      <t>）时的注意点</t>
    </r>
    <rPh sb="0" eb="2">
      <t>ガンユウ</t>
    </rPh>
    <rPh sb="2" eb="4">
      <t>カガク</t>
    </rPh>
    <rPh sb="4" eb="5">
      <t>ブツ</t>
    </rPh>
    <rPh sb="7" eb="8">
      <t>ツ</t>
    </rPh>
    <rPh sb="21" eb="22">
      <t>ハラ</t>
    </rPh>
    <rPh sb="22" eb="23">
      <t>メイ</t>
    </rPh>
    <rPh sb="25" eb="26">
      <t>キョウ</t>
    </rPh>
    <rPh sb="27" eb="29">
      <t>ニモツ</t>
    </rPh>
    <rPh sb="30" eb="32">
      <t>ガンユウ</t>
    </rPh>
    <rPh sb="32" eb="33">
      <t>ジョウ</t>
    </rPh>
    <rPh sb="33" eb="34">
      <t>イワン</t>
    </rPh>
    <rPh sb="35" eb="36">
      <t>ツ</t>
    </rPh>
    <rPh sb="59" eb="60">
      <t>サイチュウイテン</t>
    </rPh>
    <phoneticPr fontId="3"/>
  </si>
  <si>
    <r>
      <t>“A.RoHS”</t>
    </r>
    <r>
      <rPr>
        <sz val="10"/>
        <rFont val="SimHei"/>
        <family val="3"/>
      </rPr>
      <t>、</t>
    </r>
    <r>
      <rPr>
        <sz val="10"/>
        <rFont val="Arial"/>
        <family val="2"/>
      </rPr>
      <t>“B.Others”</t>
    </r>
    <r>
      <rPr>
        <sz val="10"/>
        <rFont val="SimHei"/>
        <family val="3"/>
      </rPr>
      <t>、</t>
    </r>
    <r>
      <rPr>
        <sz val="10"/>
        <rFont val="Arial"/>
        <family val="2"/>
      </rPr>
      <t>“A(appendix).RoHS”</t>
    </r>
    <r>
      <rPr>
        <sz val="10"/>
        <rFont val="SimHei"/>
        <family val="3"/>
      </rPr>
      <t>、</t>
    </r>
    <r>
      <rPr>
        <sz val="10"/>
        <rFont val="Arial"/>
        <family val="2"/>
      </rPr>
      <t>“B(appendix).Others”</t>
    </r>
    <r>
      <rPr>
        <sz val="10"/>
        <rFont val="SimHei"/>
        <family val="3"/>
      </rPr>
      <t>的表格为夏普共通、</t>
    </r>
    <rPh sb="59" eb="60">
      <t>テキ</t>
    </rPh>
    <rPh sb="60" eb="61">
      <t>ヒョウ</t>
    </rPh>
    <rPh sb="61" eb="62">
      <t>ゴウ</t>
    </rPh>
    <rPh sb="63" eb="64">
      <t>ナツ</t>
    </rPh>
    <rPh sb="64" eb="65">
      <t>フ</t>
    </rPh>
    <rPh sb="65" eb="67">
      <t>キョウツウ</t>
    </rPh>
    <phoneticPr fontId="6"/>
  </si>
  <si>
    <r>
      <t>“C.Device”</t>
    </r>
    <r>
      <rPr>
        <sz val="10"/>
        <rFont val="SimHei"/>
        <family val="3"/>
      </rPr>
      <t>、</t>
    </r>
    <r>
      <rPr>
        <sz val="10"/>
        <rFont val="Arial"/>
        <family val="2"/>
      </rPr>
      <t>”C(appendix).Device”</t>
    </r>
    <r>
      <rPr>
        <sz val="10"/>
        <rFont val="SimHei"/>
        <family val="3"/>
      </rPr>
      <t>的表格为元器类公司需要填写的表格。请提交全部表格。</t>
    </r>
    <rPh sb="40" eb="42">
      <t>ホンブ</t>
    </rPh>
    <rPh sb="45" eb="47">
      <t>ヒツヨウテイシュツネガ</t>
    </rPh>
    <phoneticPr fontId="6"/>
  </si>
  <si>
    <r>
      <rPr>
        <sz val="10"/>
        <rFont val="SimHei"/>
        <family val="3"/>
      </rPr>
      <t>　关于［</t>
    </r>
    <r>
      <rPr>
        <sz val="10"/>
        <rFont val="Arial"/>
        <family val="2"/>
      </rPr>
      <t>A2-</t>
    </r>
    <r>
      <rPr>
        <sz val="10"/>
        <rFont val="SimHei"/>
        <family val="3"/>
      </rPr>
      <t>附表］、［</t>
    </r>
    <r>
      <rPr>
        <sz val="10"/>
        <rFont val="Arial"/>
        <family val="2"/>
      </rPr>
      <t>B2-</t>
    </r>
    <r>
      <rPr>
        <sz val="10"/>
        <rFont val="SimHei"/>
        <family val="3"/>
      </rPr>
      <t>附表］、［</t>
    </r>
    <r>
      <rPr>
        <sz val="10"/>
        <rFont val="Arial"/>
        <family val="2"/>
      </rPr>
      <t>C2-</t>
    </r>
    <r>
      <rPr>
        <sz val="10"/>
        <rFont val="SimHei"/>
        <family val="3"/>
      </rPr>
      <t>附表］</t>
    </r>
    <rPh sb="5" eb="7">
      <t>ベッピョウ</t>
    </rPh>
    <phoneticPr fontId="6"/>
  </si>
  <si>
    <r>
      <t xml:space="preserve">  A2</t>
    </r>
    <r>
      <rPr>
        <sz val="10"/>
        <rFont val="SimHei"/>
        <family val="3"/>
      </rPr>
      <t>、</t>
    </r>
    <r>
      <rPr>
        <sz val="10"/>
        <rFont val="Arial"/>
        <family val="2"/>
      </rPr>
      <t>B2</t>
    </r>
    <r>
      <rPr>
        <sz val="10"/>
        <rFont val="SimHei"/>
        <family val="3"/>
      </rPr>
      <t>、</t>
    </r>
    <r>
      <rPr>
        <sz val="10"/>
        <rFont val="Arial"/>
        <family val="2"/>
      </rPr>
      <t>C2</t>
    </r>
    <r>
      <rPr>
        <sz val="10"/>
        <rFont val="SimHei"/>
        <family val="3"/>
      </rPr>
      <t>中含有［根据条件禁止使用的化学物质］时，请提交。</t>
    </r>
    <rPh sb="31" eb="32">
      <t>テイ</t>
    </rPh>
    <phoneticPr fontId="6"/>
  </si>
  <si>
    <r>
      <t xml:space="preserve"> </t>
    </r>
    <r>
      <rPr>
        <sz val="10"/>
        <rFont val="SimHei"/>
        <family val="3"/>
      </rPr>
      <t>元器类事业本部及企业用的含有化学物质报告书</t>
    </r>
    <phoneticPr fontId="6"/>
  </si>
  <si>
    <r>
      <t>C2-</t>
    </r>
    <r>
      <rPr>
        <sz val="10"/>
        <rFont val="SimHei"/>
        <family val="3"/>
      </rPr>
      <t>別表</t>
    </r>
    <phoneticPr fontId="6"/>
  </si>
  <si>
    <r>
      <rPr>
        <sz val="11"/>
        <rFont val="SimHei"/>
        <family val="3"/>
      </rPr>
      <t>含有化学物质，保证符合以下内容／</t>
    </r>
    <phoneticPr fontId="6"/>
  </si>
  <si>
    <r>
      <rPr>
        <sz val="11"/>
        <rFont val="SimHei"/>
        <family val="3"/>
      </rPr>
      <t>镉及其化合物／</t>
    </r>
    <phoneticPr fontId="6"/>
  </si>
  <si>
    <r>
      <rPr>
        <sz val="9"/>
        <rFont val="SimHei"/>
        <family val="3"/>
      </rPr>
      <t>※</t>
    </r>
    <r>
      <rPr>
        <sz val="9"/>
        <rFont val="Arial"/>
        <family val="2"/>
      </rPr>
      <t xml:space="preserve"> </t>
    </r>
    <r>
      <rPr>
        <sz val="9"/>
        <rFont val="SimHei"/>
        <family val="3"/>
      </rPr>
      <t>电子元器件公司、照相机模块、感应器模块事业本部及显示器元器公司</t>
    </r>
    <phoneticPr fontId="6"/>
  </si>
  <si>
    <r>
      <rPr>
        <sz val="10"/>
        <rFont val="SimHei"/>
        <family val="3"/>
      </rPr>
      <t>页码</t>
    </r>
    <phoneticPr fontId="6"/>
  </si>
  <si>
    <r>
      <t>1/2</t>
    </r>
    <r>
      <rPr>
        <sz val="10"/>
        <rFont val="SimHei"/>
        <family val="3"/>
      </rPr>
      <t>～</t>
    </r>
    <r>
      <rPr>
        <sz val="10"/>
        <rFont val="Arial"/>
        <family val="2"/>
      </rPr>
      <t>2/2</t>
    </r>
    <phoneticPr fontId="6"/>
  </si>
  <si>
    <r>
      <rPr>
        <b/>
        <sz val="10"/>
        <rFont val="SimHei"/>
        <family val="3"/>
      </rPr>
      <t>注）</t>
    </r>
    <r>
      <rPr>
        <sz val="10"/>
        <rFont val="SimHei"/>
        <family val="3"/>
      </rPr>
      <t xml:space="preserve">以新采用的所有部件和材料为对象。购入部件、材料时所用的包装材料也作为对象。
</t>
    </r>
    <r>
      <rPr>
        <sz val="10"/>
        <rFont val="Arial"/>
        <family val="2"/>
      </rPr>
      <t xml:space="preserve">     </t>
    </r>
    <r>
      <rPr>
        <sz val="10"/>
        <rFont val="SimHei"/>
        <family val="3"/>
      </rPr>
      <t xml:space="preserve">包装材料中含有的化学物质也请按同样的标准来判断并汇报。
</t>
    </r>
    <r>
      <rPr>
        <sz val="10"/>
        <rFont val="Arial"/>
        <family val="2"/>
      </rPr>
      <t xml:space="preserve">     </t>
    </r>
    <r>
      <rPr>
        <sz val="10"/>
        <rFont val="SimHei"/>
        <family val="3"/>
      </rPr>
      <t>但是，在夏普的据点等地废弃处理之事是明确的，不会在部件、材料中转移、混入对象物质的包装材料除外。</t>
    </r>
    <phoneticPr fontId="6"/>
  </si>
  <si>
    <r>
      <rPr>
        <sz val="10"/>
        <rFont val="SimHei"/>
        <family val="3"/>
      </rPr>
      <t>制作日</t>
    </r>
    <phoneticPr fontId="6"/>
  </si>
  <si>
    <r>
      <rPr>
        <sz val="10"/>
        <rFont val="SimHei"/>
        <family val="3"/>
      </rPr>
      <t>制作人</t>
    </r>
    <phoneticPr fontId="6"/>
  </si>
  <si>
    <r>
      <rPr>
        <sz val="10"/>
        <rFont val="SimHei"/>
        <family val="3"/>
      </rPr>
      <t>请在</t>
    </r>
    <r>
      <rPr>
        <sz val="10"/>
        <rFont val="Arial"/>
        <family val="2"/>
      </rPr>
      <t>[A. RoHS]</t>
    </r>
    <r>
      <rPr>
        <sz val="10"/>
        <rFont val="SimHei"/>
        <family val="3"/>
      </rPr>
      <t>、「</t>
    </r>
    <r>
      <rPr>
        <sz val="10"/>
        <rFont val="Arial"/>
        <family val="2"/>
      </rPr>
      <t>C.Device</t>
    </r>
    <r>
      <rPr>
        <sz val="10"/>
        <rFont val="SimHei"/>
        <family val="3"/>
      </rPr>
      <t>」表中的调查确认产品栏内，输入（填写）以下内容。</t>
    </r>
    <phoneticPr fontId="6"/>
  </si>
  <si>
    <r>
      <rPr>
        <sz val="10"/>
        <rFont val="SimHei"/>
        <family val="3"/>
      </rPr>
      <t>交纳的产品分摊的本公司部件编号</t>
    </r>
    <phoneticPr fontId="6"/>
  </si>
  <si>
    <r>
      <rPr>
        <sz val="10"/>
        <rFont val="SimHei"/>
        <family val="3"/>
      </rPr>
      <t>贵司交付产品的型号</t>
    </r>
    <phoneticPr fontId="6"/>
  </si>
  <si>
    <r>
      <rPr>
        <sz val="11"/>
        <rFont val="SimHei"/>
        <family val="3"/>
      </rPr>
      <t>非特意添加／</t>
    </r>
    <phoneticPr fontId="6"/>
  </si>
  <si>
    <r>
      <rPr>
        <sz val="11"/>
        <rFont val="SimHei"/>
        <family val="3"/>
      </rPr>
      <t>短链型氯石蜡／</t>
    </r>
    <phoneticPr fontId="6"/>
  </si>
  <si>
    <r>
      <rPr>
        <sz val="11"/>
        <rFont val="SimHei"/>
        <family val="3"/>
      </rPr>
      <t>非特意添加（仅以</t>
    </r>
    <r>
      <rPr>
        <sz val="11"/>
        <rFont val="Arial"/>
        <family val="2"/>
      </rPr>
      <t>C:10</t>
    </r>
    <r>
      <rPr>
        <sz val="11"/>
        <rFont val="SimHei"/>
        <family val="3"/>
      </rPr>
      <t>～</t>
    </r>
    <r>
      <rPr>
        <sz val="11"/>
        <rFont val="Arial"/>
        <family val="2"/>
      </rPr>
      <t>13</t>
    </r>
    <r>
      <rPr>
        <sz val="11"/>
        <rFont val="SimHei"/>
        <family val="3"/>
      </rPr>
      <t>为对象）／</t>
    </r>
    <phoneticPr fontId="6"/>
  </si>
  <si>
    <r>
      <rPr>
        <sz val="11"/>
        <rFont val="SimHei"/>
        <family val="3"/>
      </rPr>
      <t>非特意添加，且含有量在</t>
    </r>
    <r>
      <rPr>
        <sz val="11"/>
        <rFont val="Arial"/>
        <family val="2"/>
      </rPr>
      <t>50ppm</t>
    </r>
    <r>
      <rPr>
        <sz val="11"/>
        <rFont val="SimHei"/>
        <family val="3"/>
      </rPr>
      <t>以下／</t>
    </r>
    <phoneticPr fontId="6"/>
  </si>
  <si>
    <r>
      <t>2-</t>
    </r>
    <r>
      <rPr>
        <sz val="11"/>
        <rFont val="SimHei"/>
        <family val="3"/>
      </rPr>
      <t>（</t>
    </r>
    <r>
      <rPr>
        <sz val="11"/>
        <rFont val="Arial"/>
        <family val="2"/>
      </rPr>
      <t>2H-1,2,3-</t>
    </r>
    <r>
      <rPr>
        <sz val="11"/>
        <rFont val="SimHei"/>
        <family val="3"/>
      </rPr>
      <t>苯并三氮唑</t>
    </r>
    <r>
      <rPr>
        <sz val="11"/>
        <rFont val="Arial"/>
        <family val="2"/>
      </rPr>
      <t>-2-</t>
    </r>
    <r>
      <rPr>
        <sz val="11"/>
        <rFont val="SimHei"/>
        <family val="3"/>
      </rPr>
      <t>基）</t>
    </r>
    <r>
      <rPr>
        <sz val="11"/>
        <rFont val="Arial"/>
        <family val="2"/>
      </rPr>
      <t>-4,6-d</t>
    </r>
    <r>
      <rPr>
        <sz val="11"/>
        <rFont val="SimHei"/>
        <family val="3"/>
      </rPr>
      <t>二叔丁基本酚／</t>
    </r>
    <phoneticPr fontId="6"/>
  </si>
  <si>
    <r>
      <rPr>
        <sz val="11"/>
        <rFont val="SimHei"/>
        <family val="3"/>
      </rPr>
      <t>铝硅酸盐，耐火陶瓷纤维／</t>
    </r>
    <phoneticPr fontId="6"/>
  </si>
  <si>
    <r>
      <rPr>
        <sz val="11"/>
        <rFont val="SimHei"/>
        <family val="3"/>
      </rPr>
      <t>聚氯乙烯及共聚物／</t>
    </r>
    <phoneticPr fontId="6"/>
  </si>
  <si>
    <r>
      <t>RoHS</t>
    </r>
    <r>
      <rPr>
        <sz val="11"/>
        <rFont val="SimHei"/>
        <family val="3"/>
      </rPr>
      <t>相关的</t>
    </r>
    <r>
      <rPr>
        <sz val="11"/>
        <rFont val="Arial"/>
        <family val="2"/>
      </rPr>
      <t>4</t>
    </r>
    <r>
      <rPr>
        <sz val="11"/>
        <rFont val="SimHei"/>
        <family val="3"/>
      </rPr>
      <t>种邻苯二甲酸酯物质以外的邻苯二甲酸酯类／</t>
    </r>
    <phoneticPr fontId="6"/>
  </si>
  <si>
    <r>
      <t xml:space="preserve">&lt; </t>
    </r>
    <r>
      <rPr>
        <sz val="9"/>
        <rFont val="SimHei"/>
        <family val="3"/>
      </rPr>
      <t>接前一页／</t>
    </r>
    <r>
      <rPr>
        <sz val="9"/>
        <rFont val="Arial"/>
        <family val="2"/>
      </rPr>
      <t>Continued from the previous page.&gt;</t>
    </r>
    <phoneticPr fontId="6"/>
  </si>
  <si>
    <r>
      <rPr>
        <sz val="11"/>
        <rFont val="SimHei"/>
        <family val="3"/>
      </rPr>
      <t>砷及其化合物／</t>
    </r>
    <phoneticPr fontId="6"/>
  </si>
  <si>
    <r>
      <rPr>
        <sz val="11"/>
        <rFont val="SimHei"/>
        <family val="3"/>
      </rPr>
      <t>非特意添加，且含有量在</t>
    </r>
    <r>
      <rPr>
        <sz val="11"/>
        <rFont val="Arial"/>
        <family val="2"/>
      </rPr>
      <t>1000ppm</t>
    </r>
    <r>
      <rPr>
        <sz val="11"/>
        <rFont val="SimHei"/>
        <family val="3"/>
      </rPr>
      <t>以下／</t>
    </r>
    <phoneticPr fontId="6"/>
  </si>
  <si>
    <r>
      <rPr>
        <sz val="11"/>
        <rFont val="SimHei"/>
        <family val="3"/>
      </rPr>
      <t>对象</t>
    </r>
    <r>
      <rPr>
        <sz val="11"/>
        <rFont val="Arial"/>
        <family val="2"/>
      </rPr>
      <t xml:space="preserve">PAH </t>
    </r>
    <r>
      <rPr>
        <sz val="9"/>
        <rFont val="Arial"/>
        <family val="2"/>
      </rPr>
      <t>*4)</t>
    </r>
    <r>
      <rPr>
        <sz val="11"/>
        <rFont val="Arial"/>
        <family val="2"/>
      </rPr>
      <t xml:space="preserve"> </t>
    </r>
    <r>
      <rPr>
        <sz val="11"/>
        <rFont val="SimHei"/>
        <family val="3"/>
      </rPr>
      <t>含有量均不超过</t>
    </r>
    <r>
      <rPr>
        <sz val="11"/>
        <rFont val="Arial"/>
        <family val="2"/>
      </rPr>
      <t>1ppm</t>
    </r>
    <r>
      <rPr>
        <sz val="11"/>
        <rFont val="SimHei"/>
        <family val="3"/>
      </rPr>
      <t>／</t>
    </r>
    <phoneticPr fontId="6"/>
  </si>
  <si>
    <r>
      <rPr>
        <sz val="11"/>
        <rFont val="SimHei"/>
        <family val="3"/>
      </rPr>
      <t>非有意添加，且含量不超过</t>
    </r>
    <r>
      <rPr>
        <sz val="11"/>
        <rFont val="Arial"/>
        <family val="2"/>
      </rPr>
      <t>1000ppm</t>
    </r>
    <r>
      <rPr>
        <sz val="11"/>
        <rFont val="SimHei"/>
        <family val="3"/>
      </rPr>
      <t>／</t>
    </r>
    <phoneticPr fontId="6"/>
  </si>
  <si>
    <r>
      <t xml:space="preserve">B3. </t>
    </r>
    <r>
      <rPr>
        <b/>
        <sz val="11"/>
        <rFont val="SimHei"/>
        <family val="3"/>
      </rPr>
      <t>臭氧层破坏物质的产品中是否含有，以及在制造工程中是否使用／</t>
    </r>
    <r>
      <rPr>
        <b/>
        <sz val="11"/>
        <rFont val="Arial"/>
        <family val="2"/>
      </rPr>
      <t xml:space="preserve"> </t>
    </r>
    <phoneticPr fontId="6"/>
  </si>
  <si>
    <r>
      <t>(1)</t>
    </r>
    <r>
      <rPr>
        <sz val="11"/>
        <rFont val="SimHei"/>
        <family val="3"/>
      </rPr>
      <t>产品中未含有</t>
    </r>
    <phoneticPr fontId="6"/>
  </si>
  <si>
    <r>
      <rPr>
        <sz val="11"/>
        <rFont val="SimHei"/>
        <family val="3"/>
      </rPr>
      <t xml:space="preserve">化学物质名称／
</t>
    </r>
    <r>
      <rPr>
        <sz val="11"/>
        <rFont val="Arial"/>
        <family val="2"/>
      </rPr>
      <t>Substances</t>
    </r>
    <phoneticPr fontId="6"/>
  </si>
  <si>
    <r>
      <rPr>
        <sz val="11"/>
        <rFont val="SimHei"/>
        <family val="3"/>
      </rPr>
      <t xml:space="preserve">确认结果／
</t>
    </r>
    <r>
      <rPr>
        <sz val="11"/>
        <rFont val="Arial"/>
        <family val="2"/>
      </rPr>
      <t>Result</t>
    </r>
    <phoneticPr fontId="6"/>
  </si>
  <si>
    <r>
      <t>REACH</t>
    </r>
    <r>
      <rPr>
        <sz val="11"/>
        <rFont val="SimHei"/>
        <family val="3"/>
      </rPr>
      <t>规则　限制物质／</t>
    </r>
    <r>
      <rPr>
        <sz val="11"/>
        <rFont val="Arial"/>
        <family val="2"/>
      </rPr>
      <t>REACH Regulation Restricted substances</t>
    </r>
    <phoneticPr fontId="6"/>
  </si>
  <si>
    <r>
      <rPr>
        <sz val="11"/>
        <rFont val="SimHei"/>
        <family val="3"/>
      </rPr>
      <t>在不直接接触皮肤的部位使用</t>
    </r>
    <r>
      <rPr>
        <sz val="11"/>
        <rFont val="Arial"/>
        <family val="2"/>
      </rPr>
      <t xml:space="preserve"> / Used in the applications that do not directly touch the skin.</t>
    </r>
    <phoneticPr fontId="6"/>
  </si>
  <si>
    <r>
      <rPr>
        <sz val="11"/>
        <rFont val="SimHei"/>
        <family val="3"/>
      </rPr>
      <t>使用（３）以外的</t>
    </r>
    <r>
      <rPr>
        <sz val="11"/>
        <rFont val="Arial"/>
        <family val="2"/>
      </rPr>
      <t xml:space="preserve"> / Used in every application other than the following item (3).</t>
    </r>
    <rPh sb="5" eb="7">
      <t>イガイ</t>
    </rPh>
    <phoneticPr fontId="6"/>
  </si>
  <si>
    <r>
      <rPr>
        <sz val="11"/>
        <rFont val="SimHei"/>
        <family val="3"/>
      </rPr>
      <t>（２）以外的用途</t>
    </r>
    <r>
      <rPr>
        <sz val="11"/>
        <rFont val="Arial"/>
        <family val="2"/>
      </rPr>
      <t xml:space="preserve"> / Used in every application other than the following item (2).</t>
    </r>
    <rPh sb="3" eb="5">
      <t>イガイ</t>
    </rPh>
    <phoneticPr fontId="6"/>
  </si>
  <si>
    <r>
      <rPr>
        <sz val="11"/>
        <rFont val="SimHei"/>
        <family val="3"/>
      </rPr>
      <t>难以替代，已取得夏普采用决定部门的许可／</t>
    </r>
    <phoneticPr fontId="6"/>
  </si>
  <si>
    <r>
      <rPr>
        <sz val="11"/>
        <rFont val="SimHei"/>
        <family val="3"/>
      </rPr>
      <t>（必须填写）难以替代理由</t>
    </r>
    <r>
      <rPr>
        <sz val="11"/>
        <rFont val="ＭＳ Ｐゴシック"/>
        <family val="3"/>
        <charset val="128"/>
      </rPr>
      <t>・</t>
    </r>
    <r>
      <rPr>
        <sz val="11"/>
        <rFont val="SimHei"/>
        <family val="3"/>
      </rPr>
      <t>使用地点</t>
    </r>
    <r>
      <rPr>
        <sz val="9"/>
        <rFont val="SimHei"/>
        <family val="3"/>
      </rPr>
      <t>／</t>
    </r>
    <r>
      <rPr>
        <sz val="9"/>
        <rFont val="Arial"/>
        <family val="2"/>
      </rPr>
      <t>(Required fields) Reason for "difficult to substitute" and Point of use</t>
    </r>
    <phoneticPr fontId="6"/>
  </si>
  <si>
    <r>
      <rPr>
        <sz val="11"/>
        <rFont val="SimHei"/>
        <family val="3"/>
      </rPr>
      <t>用于外部通电部分</t>
    </r>
    <r>
      <rPr>
        <sz val="11"/>
        <rFont val="Arial"/>
        <family val="2"/>
      </rPr>
      <t>/ Used in external energing section</t>
    </r>
    <phoneticPr fontId="6"/>
  </si>
  <si>
    <r>
      <rPr>
        <sz val="11"/>
        <rFont val="SimHei"/>
        <family val="3"/>
      </rPr>
      <t>使用</t>
    </r>
    <r>
      <rPr>
        <sz val="11"/>
        <rFont val="Arial"/>
        <family val="2"/>
      </rPr>
      <t>(1)</t>
    </r>
    <r>
      <rPr>
        <sz val="11"/>
        <rFont val="SimHei"/>
        <family val="3"/>
      </rPr>
      <t>以外的</t>
    </r>
    <r>
      <rPr>
        <sz val="11"/>
        <rFont val="Arial"/>
        <family val="2"/>
      </rPr>
      <t xml:space="preserve"> /Used in every application other than the above item (1)</t>
    </r>
    <rPh sb="5" eb="7">
      <t>イガイ</t>
    </rPh>
    <phoneticPr fontId="6"/>
  </si>
  <si>
    <r>
      <t xml:space="preserve">C. </t>
    </r>
    <r>
      <rPr>
        <b/>
        <sz val="20"/>
        <rFont val="SimHei"/>
        <family val="3"/>
      </rPr>
      <t>元器类事业本部及企业用</t>
    </r>
    <r>
      <rPr>
        <b/>
        <sz val="20"/>
        <rFont val="Arial"/>
        <family val="2"/>
      </rPr>
      <t xml:space="preserve"> </t>
    </r>
    <r>
      <rPr>
        <b/>
        <sz val="20"/>
        <rFont val="SimHei"/>
        <family val="3"/>
      </rPr>
      <t>含有化学物质报告书</t>
    </r>
    <r>
      <rPr>
        <b/>
        <sz val="20"/>
        <rFont val="Arial"/>
        <family val="2"/>
      </rPr>
      <t xml:space="preserve">
</t>
    </r>
    <r>
      <rPr>
        <sz val="14"/>
        <rFont val="Arial"/>
        <family val="2"/>
      </rPr>
      <t>C. Report on Chemical Substances contained in product for Device Business Units and Company</t>
    </r>
    <rPh sb="10" eb="11">
      <t>オヨ</t>
    </rPh>
    <phoneticPr fontId="57"/>
  </si>
  <si>
    <r>
      <t>CAS</t>
    </r>
    <r>
      <rPr>
        <sz val="9"/>
        <rFont val="SimHei"/>
        <family val="3"/>
      </rPr>
      <t>编号／</t>
    </r>
    <r>
      <rPr>
        <sz val="9"/>
        <rFont val="Arial"/>
        <family val="2"/>
      </rPr>
      <t>CAS No.</t>
    </r>
    <phoneticPr fontId="6"/>
  </si>
  <si>
    <r>
      <rPr>
        <sz val="11"/>
        <rFont val="SimHei"/>
        <family val="3"/>
      </rPr>
      <t>非有意添加。</t>
    </r>
    <r>
      <rPr>
        <sz val="11"/>
        <rFont val="Arial"/>
        <family val="2"/>
      </rPr>
      <t>/ Not intentionally added.</t>
    </r>
    <phoneticPr fontId="6"/>
  </si>
  <si>
    <r>
      <t>*2</t>
    </r>
    <r>
      <rPr>
        <sz val="10"/>
        <rFont val="SimHei"/>
        <family val="3"/>
      </rPr>
      <t>）</t>
    </r>
    <r>
      <rPr>
        <sz val="10"/>
        <rFont val="Arial"/>
        <family val="2"/>
      </rPr>
      <t xml:space="preserve"> </t>
    </r>
    <r>
      <rPr>
        <sz val="10"/>
        <rFont val="SimHei"/>
        <family val="3"/>
      </rPr>
      <t>日本　与化学物质的审查及制造等限制相关的法律</t>
    </r>
    <r>
      <rPr>
        <sz val="10"/>
        <rFont val="Arial"/>
        <family val="2"/>
      </rPr>
      <t xml:space="preserve"> (</t>
    </r>
    <r>
      <rPr>
        <sz val="10"/>
        <rFont val="SimHei"/>
        <family val="3"/>
      </rPr>
      <t>化审法</t>
    </r>
    <r>
      <rPr>
        <sz val="10"/>
        <rFont val="Arial"/>
        <family val="2"/>
      </rPr>
      <t>)</t>
    </r>
    <r>
      <rPr>
        <sz val="10"/>
        <rFont val="SimHei"/>
        <family val="3"/>
      </rPr>
      <t>　第一种特定化学物质　</t>
    </r>
    <r>
      <rPr>
        <sz val="10"/>
        <rFont val="Arial"/>
        <family val="2"/>
      </rPr>
      <t>/</t>
    </r>
    <r>
      <rPr>
        <sz val="10"/>
        <rFont val="SimHei"/>
        <family val="3"/>
      </rPr>
      <t>　</t>
    </r>
    <r>
      <rPr>
        <sz val="10"/>
        <rFont val="Arial"/>
        <family val="2"/>
      </rPr>
      <t xml:space="preserve">Japan Chemical Substances Control Law : Class </t>
    </r>
    <r>
      <rPr>
        <sz val="10"/>
        <rFont val="SimHei"/>
        <family val="3"/>
      </rPr>
      <t>Ⅰ</t>
    </r>
    <r>
      <rPr>
        <sz val="10"/>
        <rFont val="Arial"/>
        <family val="2"/>
      </rPr>
      <t xml:space="preserve"> specified Chemical Substances</t>
    </r>
    <rPh sb="4" eb="6">
      <t>ニッポン</t>
    </rPh>
    <phoneticPr fontId="6"/>
  </si>
  <si>
    <r>
      <t>*3</t>
    </r>
    <r>
      <rPr>
        <sz val="10"/>
        <rFont val="SimHei"/>
        <family val="3"/>
      </rPr>
      <t>）</t>
    </r>
    <r>
      <rPr>
        <sz val="10"/>
        <rFont val="Arial"/>
        <family val="2"/>
      </rPr>
      <t xml:space="preserve"> </t>
    </r>
    <r>
      <rPr>
        <sz val="10"/>
        <rFont val="SimHei"/>
        <family val="3"/>
      </rPr>
      <t>日本　与化学物质的审查及制造等限制相关的法律</t>
    </r>
    <r>
      <rPr>
        <sz val="10"/>
        <rFont val="Arial"/>
        <family val="2"/>
      </rPr>
      <t xml:space="preserve"> (</t>
    </r>
    <r>
      <rPr>
        <sz val="10"/>
        <rFont val="SimHei"/>
        <family val="3"/>
      </rPr>
      <t>化审法</t>
    </r>
    <r>
      <rPr>
        <sz val="10"/>
        <rFont val="Arial"/>
        <family val="2"/>
      </rPr>
      <t>)</t>
    </r>
    <r>
      <rPr>
        <sz val="10"/>
        <rFont val="SimHei"/>
        <family val="3"/>
      </rPr>
      <t>　第二种特定化学物质　</t>
    </r>
    <r>
      <rPr>
        <sz val="10"/>
        <rFont val="Arial"/>
        <family val="2"/>
      </rPr>
      <t>/</t>
    </r>
    <r>
      <rPr>
        <sz val="10"/>
        <rFont val="SimHei"/>
        <family val="3"/>
      </rPr>
      <t>　</t>
    </r>
    <r>
      <rPr>
        <sz val="10"/>
        <rFont val="Arial"/>
        <family val="2"/>
      </rPr>
      <t xml:space="preserve">Japan Chemical Substances Control Law : Class </t>
    </r>
    <r>
      <rPr>
        <sz val="10"/>
        <rFont val="SimHei"/>
        <family val="3"/>
      </rPr>
      <t>Ⅱ</t>
    </r>
    <r>
      <rPr>
        <sz val="10"/>
        <rFont val="Arial"/>
        <family val="2"/>
      </rPr>
      <t xml:space="preserve"> specified Chemical Substances</t>
    </r>
    <rPh sb="34" eb="35">
      <t>ニ</t>
    </rPh>
    <phoneticPr fontId="6"/>
  </si>
  <si>
    <r>
      <rPr>
        <sz val="10"/>
        <rFont val="SimHei"/>
        <family val="3"/>
      </rPr>
      <t>※烷基苯酚（碳数</t>
    </r>
    <r>
      <rPr>
        <sz val="10"/>
        <rFont val="Arial"/>
        <family val="2"/>
      </rPr>
      <t>5</t>
    </r>
    <r>
      <rPr>
        <sz val="10"/>
        <rFont val="SimHei"/>
        <family val="3"/>
      </rPr>
      <t>～</t>
    </r>
    <r>
      <rPr>
        <sz val="10"/>
        <rFont val="Arial"/>
        <family val="2"/>
      </rPr>
      <t>9</t>
    </r>
    <r>
      <rPr>
        <sz val="10"/>
        <rFont val="SimHei"/>
        <family val="3"/>
      </rPr>
      <t>）</t>
    </r>
    <r>
      <rPr>
        <sz val="10"/>
        <rFont val="Arial"/>
        <family val="2"/>
      </rPr>
      <t>(</t>
    </r>
    <r>
      <rPr>
        <sz val="10"/>
        <rFont val="SimHei"/>
        <family val="3"/>
      </rPr>
      <t>壬基酚除外）</t>
    </r>
    <r>
      <rPr>
        <sz val="10"/>
        <rFont val="Arial"/>
        <family val="2"/>
      </rPr>
      <t xml:space="preserve">
Alkylphenol (C5-9) excluding nonylphenol</t>
    </r>
    <phoneticPr fontId="6"/>
  </si>
  <si>
    <r>
      <t xml:space="preserve">4. </t>
    </r>
    <r>
      <rPr>
        <b/>
        <u/>
        <sz val="9"/>
        <rFont val="SimHei"/>
        <family val="3"/>
      </rPr>
      <t>ハロゲン（臭素</t>
    </r>
    <r>
      <rPr>
        <b/>
        <u/>
        <sz val="9"/>
        <rFont val="MS UI Gothic"/>
        <family val="3"/>
        <charset val="128"/>
      </rPr>
      <t>・</t>
    </r>
    <r>
      <rPr>
        <b/>
        <u/>
        <sz val="9"/>
        <rFont val="SimHei"/>
        <family val="3"/>
      </rPr>
      <t>塩素）物質の分析状況</t>
    </r>
    <r>
      <rPr>
        <b/>
        <sz val="9"/>
        <rFont val="Arial"/>
        <family val="2"/>
      </rPr>
      <t xml:space="preserve"> / </t>
    </r>
    <r>
      <rPr>
        <sz val="9"/>
        <rFont val="Arial"/>
        <family val="2"/>
      </rPr>
      <t>Analysis situation of halogen ("Bromine" and "Chlorine") substance *4)</t>
    </r>
    <rPh sb="8" eb="10">
      <t>シュウソ</t>
    </rPh>
    <rPh sb="11" eb="13">
      <t>エンソ</t>
    </rPh>
    <rPh sb="14" eb="16">
      <t>ブッシツ</t>
    </rPh>
    <rPh sb="17" eb="19">
      <t>ブンセキ</t>
    </rPh>
    <rPh sb="19" eb="21">
      <t>ジョウキョウ</t>
    </rPh>
    <phoneticPr fontId="57"/>
  </si>
  <si>
    <r>
      <rPr>
        <sz val="10"/>
        <rFont val="SimHei"/>
        <family val="3"/>
      </rPr>
      <t>请签名，或盖姓名章</t>
    </r>
    <phoneticPr fontId="6"/>
  </si>
  <si>
    <r>
      <rPr>
        <sz val="11"/>
        <rFont val="SimHei"/>
        <family val="3"/>
      </rPr>
      <t>环己烷</t>
    </r>
    <r>
      <rPr>
        <sz val="11"/>
        <rFont val="Arial"/>
        <family val="2"/>
      </rPr>
      <t>/ Cyclohexane</t>
    </r>
    <phoneticPr fontId="6"/>
  </si>
  <si>
    <r>
      <rPr>
        <sz val="11"/>
        <rFont val="SimHei"/>
        <family val="3"/>
      </rPr>
      <t>邻硝基苯甲醛</t>
    </r>
    <r>
      <rPr>
        <sz val="11"/>
        <rFont val="Arial"/>
        <family val="2"/>
      </rPr>
      <t>/Nitrobenzaldehyde</t>
    </r>
    <phoneticPr fontId="6"/>
  </si>
  <si>
    <r>
      <rPr>
        <sz val="11"/>
        <rFont val="SimHei"/>
        <family val="3"/>
      </rPr>
      <t>偶氮染料</t>
    </r>
    <r>
      <rPr>
        <sz val="11"/>
        <rFont val="ＭＳ Ｐゴシック"/>
        <family val="3"/>
        <charset val="128"/>
      </rPr>
      <t>・</t>
    </r>
    <r>
      <rPr>
        <sz val="11"/>
        <rFont val="SimHei"/>
        <family val="3"/>
      </rPr>
      <t>颜料／</t>
    </r>
    <r>
      <rPr>
        <sz val="9"/>
        <rFont val="Arial"/>
        <family val="2"/>
      </rPr>
      <t>Azo colorants</t>
    </r>
    <phoneticPr fontId="6"/>
  </si>
  <si>
    <r>
      <rPr>
        <sz val="11"/>
        <rFont val="SimHei"/>
        <family val="3"/>
      </rPr>
      <t>与人体长期接触为目的设计制作的产品（例：电热毯、耳机、背带等）的人体接触部分，
在分解时有可能产生超过</t>
    </r>
    <r>
      <rPr>
        <sz val="11"/>
        <rFont val="Arial"/>
        <family val="2"/>
      </rPr>
      <t>30ppm</t>
    </r>
    <r>
      <rPr>
        <sz val="11"/>
        <rFont val="SimHei"/>
        <family val="3"/>
      </rPr>
      <t>致癌胺的物品／</t>
    </r>
    <phoneticPr fontId="6"/>
  </si>
  <si>
    <r>
      <rPr>
        <sz val="11"/>
        <rFont val="SimHei"/>
        <family val="3"/>
      </rPr>
      <t>面向</t>
    </r>
    <r>
      <rPr>
        <sz val="11"/>
        <rFont val="Arial"/>
        <family val="2"/>
      </rPr>
      <t>12</t>
    </r>
    <r>
      <rPr>
        <sz val="11"/>
        <rFont val="SimHei"/>
        <family val="3"/>
      </rPr>
      <t>岁以下儿童产品中使用的零部件</t>
    </r>
    <r>
      <rPr>
        <sz val="11"/>
        <rFont val="Arial"/>
        <family val="2"/>
      </rPr>
      <t>/</t>
    </r>
    <r>
      <rPr>
        <sz val="11"/>
        <rFont val="SimHei"/>
        <family val="3"/>
      </rPr>
      <t>原材料，使用了邻苯二甲酸二异壬酯：</t>
    </r>
    <r>
      <rPr>
        <sz val="11"/>
        <rFont val="Arial"/>
        <family val="2"/>
      </rPr>
      <t>DINP</t>
    </r>
    <r>
      <rPr>
        <sz val="11"/>
        <rFont val="SimHei"/>
        <family val="3"/>
      </rPr>
      <t>、邻苯二甲酸二异癸酯：</t>
    </r>
    <r>
      <rPr>
        <sz val="11"/>
        <rFont val="Arial"/>
        <family val="2"/>
      </rPr>
      <t>DIDP</t>
    </r>
    <r>
      <rPr>
        <sz val="11"/>
        <rFont val="SimHei"/>
        <family val="3"/>
      </rPr>
      <t>、邻苯二甲酸二正辛酯：</t>
    </r>
    <r>
      <rPr>
        <sz val="11"/>
        <rFont val="Arial"/>
        <family val="2"/>
      </rPr>
      <t>DNOP</t>
    </r>
    <r>
      <rPr>
        <sz val="11"/>
        <rFont val="SimHei"/>
        <family val="3"/>
      </rPr>
      <t>（合计超过</t>
    </r>
    <r>
      <rPr>
        <sz val="11"/>
        <rFont val="Arial"/>
        <family val="2"/>
      </rPr>
      <t>1000ppm</t>
    </r>
    <r>
      <rPr>
        <sz val="11"/>
        <rFont val="SimHei"/>
        <family val="3"/>
      </rPr>
      <t>）／</t>
    </r>
    <phoneticPr fontId="6"/>
  </si>
  <si>
    <r>
      <rPr>
        <sz val="11"/>
        <rFont val="SimHei"/>
        <family val="3"/>
      </rPr>
      <t>使用上述（</t>
    </r>
    <r>
      <rPr>
        <sz val="11"/>
        <rFont val="Arial"/>
        <family val="2"/>
      </rPr>
      <t>1</t>
    </r>
    <r>
      <rPr>
        <sz val="11"/>
        <rFont val="SimHei"/>
        <family val="3"/>
      </rPr>
      <t>）以外的物质以及物品／</t>
    </r>
    <phoneticPr fontId="6"/>
  </si>
  <si>
    <r>
      <rPr>
        <sz val="11"/>
        <rFont val="SimHei"/>
        <family val="3"/>
      </rPr>
      <t>用于下述（</t>
    </r>
    <r>
      <rPr>
        <sz val="11"/>
        <rFont val="Arial"/>
        <family val="2"/>
      </rPr>
      <t>2</t>
    </r>
    <r>
      <rPr>
        <sz val="11"/>
        <rFont val="SimHei"/>
        <family val="3"/>
      </rPr>
      <t>）～（</t>
    </r>
    <r>
      <rPr>
        <sz val="11"/>
        <rFont val="Arial"/>
        <family val="2"/>
      </rPr>
      <t>3</t>
    </r>
    <r>
      <rPr>
        <sz val="11"/>
        <rFont val="SimHei"/>
        <family val="3"/>
      </rPr>
      <t>）以外的情况／</t>
    </r>
    <phoneticPr fontId="6"/>
  </si>
  <si>
    <r>
      <t xml:space="preserve"> </t>
    </r>
    <r>
      <rPr>
        <sz val="11"/>
        <rFont val="SimHei"/>
        <family val="3"/>
      </rPr>
      <t>全氟辛烷磺酸盐（</t>
    </r>
    <r>
      <rPr>
        <sz val="11"/>
        <rFont val="Arial"/>
        <family val="2"/>
      </rPr>
      <t>PFOS</t>
    </r>
    <r>
      <rPr>
        <sz val="11"/>
        <rFont val="SimHei"/>
        <family val="3"/>
      </rPr>
      <t>）／</t>
    </r>
    <r>
      <rPr>
        <sz val="9"/>
        <rFont val="Arial"/>
        <family val="2"/>
      </rPr>
      <t>Perfluorooctane sulfonate (PFOSs)</t>
    </r>
    <phoneticPr fontId="6"/>
  </si>
  <si>
    <r>
      <rPr>
        <sz val="11"/>
        <rFont val="SimHei"/>
        <family val="3"/>
      </rPr>
      <t>用于下述（</t>
    </r>
    <r>
      <rPr>
        <sz val="11"/>
        <rFont val="Arial"/>
        <family val="2"/>
      </rPr>
      <t>3</t>
    </r>
    <r>
      <rPr>
        <sz val="11"/>
        <rFont val="SimHei"/>
        <family val="3"/>
      </rPr>
      <t>）～（</t>
    </r>
    <r>
      <rPr>
        <sz val="11"/>
        <rFont val="Arial"/>
        <family val="2"/>
      </rPr>
      <t>4</t>
    </r>
    <r>
      <rPr>
        <sz val="11"/>
        <rFont val="SimHei"/>
        <family val="3"/>
      </rPr>
      <t>）以外的情况／</t>
    </r>
    <r>
      <rPr>
        <sz val="9"/>
        <rFont val="Arial"/>
        <family val="2"/>
      </rPr>
      <t>Used in the other than the following (3)-(4).</t>
    </r>
    <phoneticPr fontId="6"/>
  </si>
  <si>
    <r>
      <rPr>
        <sz val="11"/>
        <rFont val="SimHei"/>
        <family val="3"/>
      </rPr>
      <t>硼酸／</t>
    </r>
    <r>
      <rPr>
        <sz val="9"/>
        <rFont val="Arial"/>
        <family val="2"/>
      </rPr>
      <t>Boric acid</t>
    </r>
    <phoneticPr fontId="6"/>
  </si>
  <si>
    <r>
      <t xml:space="preserve">(a) </t>
    </r>
    <r>
      <rPr>
        <sz val="11"/>
        <rFont val="SimHei"/>
        <family val="3"/>
      </rPr>
      <t>偏光板（</t>
    </r>
    <r>
      <rPr>
        <sz val="11"/>
        <rFont val="Arial"/>
        <family val="2"/>
      </rPr>
      <t>PVA</t>
    </r>
    <r>
      <rPr>
        <sz val="11"/>
        <rFont val="SimHei"/>
        <family val="3"/>
      </rPr>
      <t>制）／</t>
    </r>
    <r>
      <rPr>
        <sz val="9"/>
        <rFont val="Arial"/>
        <family val="2"/>
      </rPr>
      <t>Polarizers (made of PVA)</t>
    </r>
    <phoneticPr fontId="6"/>
  </si>
  <si>
    <r>
      <rPr>
        <sz val="11"/>
        <rFont val="SimHei"/>
        <family val="3"/>
      </rPr>
      <t>（必填）难以替代的理由</t>
    </r>
    <r>
      <rPr>
        <sz val="11"/>
        <rFont val="Arial"/>
        <family val="2"/>
      </rPr>
      <t>/</t>
    </r>
    <r>
      <rPr>
        <sz val="11"/>
        <rFont val="SimHei"/>
        <family val="3"/>
      </rPr>
      <t>使用部位／</t>
    </r>
    <r>
      <rPr>
        <sz val="9"/>
        <rFont val="Arial"/>
        <family val="2"/>
      </rPr>
      <t>(Required fields)  Reason for "difficult to substitute" and Point of use</t>
    </r>
    <phoneticPr fontId="6"/>
  </si>
  <si>
    <r>
      <rPr>
        <sz val="11"/>
        <rFont val="SimHei"/>
        <family val="3"/>
      </rPr>
      <t>使用于电子电气零部件的电容器内的绝缘陶瓷以外的玻璃中或陶瓷中（例如</t>
    </r>
    <r>
      <rPr>
        <sz val="11"/>
        <rFont val="Arial"/>
        <family val="2"/>
      </rPr>
      <t xml:space="preserve"> </t>
    </r>
    <r>
      <rPr>
        <sz val="11"/>
        <rFont val="SimHei"/>
        <family val="3"/>
      </rPr>
      <t>压电装置），或者以玻璃或陶瓷为母材的化合物中。／</t>
    </r>
    <phoneticPr fontId="6"/>
  </si>
  <si>
    <r>
      <rPr>
        <sz val="10"/>
        <rFont val="SimHei"/>
        <family val="3"/>
      </rPr>
      <t>判定标准的确认结果为</t>
    </r>
    <r>
      <rPr>
        <sz val="10"/>
        <rFont val="Arial"/>
        <family val="2"/>
      </rPr>
      <t>[Not Applicable]</t>
    </r>
    <r>
      <rPr>
        <sz val="10"/>
        <rFont val="SimHei"/>
        <family val="3"/>
      </rPr>
      <t>情形时，</t>
    </r>
    <r>
      <rPr>
        <sz val="10"/>
        <rFont val="Arial"/>
        <family val="2"/>
      </rPr>
      <t>B2-</t>
    </r>
    <r>
      <rPr>
        <sz val="10"/>
        <rFont val="SimHei"/>
        <family val="3"/>
      </rPr>
      <t>附表中描述并添加了可否使用的判定／</t>
    </r>
    <phoneticPr fontId="6"/>
  </si>
  <si>
    <r>
      <rPr>
        <b/>
        <u/>
        <sz val="10"/>
        <rFont val="SimHei"/>
        <family val="3"/>
      </rPr>
      <t>（注）上述确认结果为</t>
    </r>
    <r>
      <rPr>
        <b/>
        <u/>
        <sz val="10"/>
        <rFont val="ＭＳ Ｐゴシック"/>
        <family val="3"/>
        <charset val="128"/>
      </rPr>
      <t>｢</t>
    </r>
    <r>
      <rPr>
        <b/>
        <u/>
        <sz val="10"/>
        <rFont val="Arial"/>
        <family val="2"/>
      </rPr>
      <t>Not Applicable</t>
    </r>
    <r>
      <rPr>
        <b/>
        <u/>
        <sz val="10"/>
        <rFont val="ＭＳ Ｐゴシック"/>
        <family val="3"/>
        <charset val="128"/>
      </rPr>
      <t>｣</t>
    </r>
    <r>
      <rPr>
        <b/>
        <u/>
        <sz val="10"/>
        <rFont val="SimHei"/>
        <family val="3"/>
      </rPr>
      <t>或「</t>
    </r>
    <r>
      <rPr>
        <b/>
        <u/>
        <sz val="10"/>
        <rFont val="Arial"/>
        <family val="2"/>
      </rPr>
      <t>Used</t>
    </r>
    <r>
      <rPr>
        <b/>
        <u/>
        <sz val="10"/>
        <rFont val="SimHei"/>
        <family val="3"/>
      </rPr>
      <t>」的时候，夏普不可采用／</t>
    </r>
    <phoneticPr fontId="6"/>
  </si>
  <si>
    <r>
      <rPr>
        <b/>
        <sz val="20"/>
        <rFont val="SimHei"/>
        <family val="3"/>
      </rPr>
      <t>含有化学物质报告书（</t>
    </r>
    <r>
      <rPr>
        <b/>
        <sz val="20"/>
        <rFont val="Arial"/>
        <family val="2"/>
      </rPr>
      <t>ver.10.0</t>
    </r>
    <r>
      <rPr>
        <b/>
        <sz val="20"/>
        <rFont val="SimHei"/>
        <family val="3"/>
      </rPr>
      <t>）</t>
    </r>
    <r>
      <rPr>
        <b/>
        <sz val="11"/>
        <rFont val="Arial"/>
        <family val="2"/>
      </rPr>
      <t xml:space="preserve"> </t>
    </r>
    <r>
      <rPr>
        <b/>
        <sz val="11"/>
        <rFont val="SimHei"/>
        <family val="3"/>
      </rPr>
      <t>（原名：</t>
    </r>
    <r>
      <rPr>
        <b/>
        <sz val="11"/>
        <rFont val="Arial"/>
        <family val="2"/>
      </rPr>
      <t xml:space="preserve"> </t>
    </r>
    <r>
      <rPr>
        <b/>
        <sz val="11"/>
        <rFont val="SimHei"/>
        <family val="3"/>
      </rPr>
      <t>环境负荷物质含有情况报告书）</t>
    </r>
    <r>
      <rPr>
        <b/>
        <sz val="20"/>
        <rFont val="SimHei"/>
        <family val="3"/>
      </rPr>
      <t>／</t>
    </r>
    <phoneticPr fontId="6"/>
  </si>
  <si>
    <r>
      <t>4</t>
    </r>
    <r>
      <rPr>
        <sz val="11"/>
        <rFont val="SimHei"/>
        <family val="3"/>
      </rPr>
      <t>）</t>
    </r>
    <r>
      <rPr>
        <sz val="11"/>
        <rFont val="Arial"/>
        <family val="2"/>
      </rPr>
      <t xml:space="preserve"> </t>
    </r>
    <r>
      <rPr>
        <sz val="11"/>
        <rFont val="SimHei"/>
        <family val="3"/>
      </rPr>
      <t>产品质量［</t>
    </r>
    <r>
      <rPr>
        <sz val="11"/>
        <rFont val="Arial"/>
        <family val="2"/>
      </rPr>
      <t>g</t>
    </r>
    <r>
      <rPr>
        <sz val="11"/>
        <rFont val="SimHei"/>
        <family val="3"/>
      </rPr>
      <t>］／</t>
    </r>
    <r>
      <rPr>
        <sz val="9"/>
        <rFont val="Arial"/>
        <family val="2"/>
      </rPr>
      <t>Product Weight [g]</t>
    </r>
    <phoneticPr fontId="6"/>
  </si>
  <si>
    <r>
      <rPr>
        <sz val="11"/>
        <rFont val="SimHei"/>
        <family val="3"/>
      </rPr>
      <t>化学物质名称／</t>
    </r>
    <r>
      <rPr>
        <sz val="9"/>
        <rFont val="Arial"/>
        <family val="2"/>
      </rPr>
      <t>Substances</t>
    </r>
    <phoneticPr fontId="6"/>
  </si>
  <si>
    <r>
      <rPr>
        <sz val="11"/>
        <rFont val="SimHei"/>
        <family val="3"/>
      </rPr>
      <t>确认结果／</t>
    </r>
    <r>
      <rPr>
        <sz val="9"/>
        <rFont val="Arial"/>
        <family val="2"/>
      </rPr>
      <t>Result</t>
    </r>
    <phoneticPr fontId="6"/>
  </si>
  <si>
    <r>
      <rPr>
        <sz val="11"/>
        <rFont val="SimHei"/>
        <family val="3"/>
      </rPr>
      <t>六价铬化合物／</t>
    </r>
    <phoneticPr fontId="6"/>
  </si>
  <si>
    <r>
      <rPr>
        <sz val="11"/>
        <rFont val="SimHei"/>
        <family val="3"/>
      </rPr>
      <t>含有量在</t>
    </r>
    <r>
      <rPr>
        <sz val="11"/>
        <rFont val="Arial"/>
        <family val="2"/>
      </rPr>
      <t>1000ppm</t>
    </r>
    <r>
      <rPr>
        <sz val="11"/>
        <rFont val="SimHei"/>
        <family val="3"/>
      </rPr>
      <t>以下。但在接触皮肤的皮革产品</t>
    </r>
    <r>
      <rPr>
        <sz val="11"/>
        <rFont val="Arial"/>
        <family val="2"/>
      </rPr>
      <t>/</t>
    </r>
    <r>
      <rPr>
        <sz val="11"/>
        <rFont val="SimHei"/>
        <family val="3"/>
      </rPr>
      <t>零部件中，每单位皮革的合计干燥重量在</t>
    </r>
    <r>
      <rPr>
        <sz val="11"/>
        <rFont val="Arial"/>
        <family val="2"/>
      </rPr>
      <t>3ppm</t>
    </r>
    <r>
      <rPr>
        <sz val="11"/>
        <rFont val="SimHei"/>
        <family val="3"/>
      </rPr>
      <t>以下。／</t>
    </r>
    <phoneticPr fontId="6"/>
  </si>
  <si>
    <r>
      <rPr>
        <sz val="11"/>
        <rFont val="SimHei"/>
        <family val="3"/>
      </rPr>
      <t>聚溴联苯类（</t>
    </r>
    <r>
      <rPr>
        <sz val="11"/>
        <rFont val="Arial"/>
        <family val="2"/>
      </rPr>
      <t>PBB</t>
    </r>
    <r>
      <rPr>
        <sz val="11"/>
        <rFont val="SimHei"/>
        <family val="3"/>
      </rPr>
      <t>类）／</t>
    </r>
    <phoneticPr fontId="6"/>
  </si>
  <si>
    <r>
      <rPr>
        <sz val="11"/>
        <rFont val="SimHei"/>
        <family val="3"/>
      </rPr>
      <t>含有量在</t>
    </r>
    <r>
      <rPr>
        <sz val="11"/>
        <rFont val="Arial"/>
        <family val="2"/>
      </rPr>
      <t>1000ppm</t>
    </r>
    <r>
      <rPr>
        <sz val="11"/>
        <rFont val="SimHei"/>
        <family val="3"/>
      </rPr>
      <t>以下／</t>
    </r>
    <phoneticPr fontId="6"/>
  </si>
  <si>
    <r>
      <rPr>
        <sz val="11"/>
        <rFont val="SimHei"/>
        <family val="3"/>
      </rPr>
      <t>溴联苯醚类（</t>
    </r>
    <r>
      <rPr>
        <sz val="11"/>
        <rFont val="Arial"/>
        <family val="2"/>
      </rPr>
      <t>PBDE</t>
    </r>
    <r>
      <rPr>
        <sz val="11"/>
        <rFont val="SimHei"/>
        <family val="3"/>
      </rPr>
      <t>类）／</t>
    </r>
    <phoneticPr fontId="6"/>
  </si>
  <si>
    <r>
      <rPr>
        <sz val="11"/>
        <rFont val="SimHei"/>
        <family val="3"/>
      </rPr>
      <t>邻苯二甲酸二异丁酯（</t>
    </r>
    <r>
      <rPr>
        <sz val="11"/>
        <rFont val="Arial"/>
        <family val="2"/>
      </rPr>
      <t>DIBP</t>
    </r>
    <r>
      <rPr>
        <sz val="11"/>
        <rFont val="SimHei"/>
        <family val="3"/>
      </rPr>
      <t>）／</t>
    </r>
    <phoneticPr fontId="6"/>
  </si>
  <si>
    <r>
      <rPr>
        <sz val="11"/>
        <rFont val="SimHei"/>
        <family val="3"/>
      </rPr>
      <t>含有量在</t>
    </r>
    <r>
      <rPr>
        <sz val="11"/>
        <rFont val="Arial"/>
        <family val="2"/>
      </rPr>
      <t>1000ppm</t>
    </r>
    <r>
      <rPr>
        <sz val="11"/>
        <rFont val="SimHei"/>
        <family val="3"/>
      </rPr>
      <t>以下／</t>
    </r>
    <phoneticPr fontId="6"/>
  </si>
  <si>
    <r>
      <rPr>
        <sz val="11"/>
        <rFont val="SimHei"/>
        <family val="3"/>
      </rPr>
      <t>邻苯二甲酸</t>
    </r>
    <r>
      <rPr>
        <sz val="11"/>
        <rFont val="Arial"/>
        <family val="2"/>
      </rPr>
      <t>(2-</t>
    </r>
    <r>
      <rPr>
        <sz val="11"/>
        <rFont val="SimHei"/>
        <family val="3"/>
      </rPr>
      <t>乙基己基酯</t>
    </r>
    <r>
      <rPr>
        <sz val="11"/>
        <rFont val="Arial"/>
        <family val="2"/>
      </rPr>
      <t>)</t>
    </r>
    <r>
      <rPr>
        <sz val="11"/>
        <rFont val="SimHei"/>
        <family val="3"/>
      </rPr>
      <t>（</t>
    </r>
    <r>
      <rPr>
        <sz val="11"/>
        <rFont val="Arial"/>
        <family val="2"/>
      </rPr>
      <t>DEHP</t>
    </r>
    <r>
      <rPr>
        <sz val="11"/>
        <rFont val="SimHei"/>
        <family val="3"/>
      </rPr>
      <t>）、邻苯二甲酸二丁酯（</t>
    </r>
    <r>
      <rPr>
        <sz val="11"/>
        <rFont val="Arial"/>
        <family val="2"/>
      </rPr>
      <t>DBP</t>
    </r>
    <r>
      <rPr>
        <sz val="11"/>
        <rFont val="SimHei"/>
        <family val="3"/>
      </rPr>
      <t>）、邻苯二甲酸丁苄酯（</t>
    </r>
    <r>
      <rPr>
        <sz val="11"/>
        <rFont val="Arial"/>
        <family val="2"/>
      </rPr>
      <t>BBP</t>
    </r>
    <r>
      <rPr>
        <sz val="11"/>
        <rFont val="SimHei"/>
        <family val="3"/>
      </rPr>
      <t>）／</t>
    </r>
    <phoneticPr fontId="6"/>
  </si>
  <si>
    <r>
      <rPr>
        <sz val="11"/>
        <rFont val="SimHei"/>
        <family val="3"/>
      </rPr>
      <t>含有量均在</t>
    </r>
    <r>
      <rPr>
        <sz val="11"/>
        <rFont val="Arial"/>
        <family val="2"/>
      </rPr>
      <t>1000ppm</t>
    </r>
    <r>
      <rPr>
        <sz val="11"/>
        <rFont val="SimHei"/>
        <family val="3"/>
      </rPr>
      <t>以下。
使用于玩具用途产品的零部件</t>
    </r>
    <r>
      <rPr>
        <sz val="11"/>
        <rFont val="Arial"/>
        <family val="2"/>
      </rPr>
      <t>/</t>
    </r>
    <r>
      <rPr>
        <sz val="11"/>
        <rFont val="SimHei"/>
        <family val="3"/>
      </rPr>
      <t>原材料时，</t>
    </r>
    <r>
      <rPr>
        <sz val="11"/>
        <rFont val="Arial"/>
        <family val="2"/>
      </rPr>
      <t>3</t>
    </r>
    <r>
      <rPr>
        <sz val="11"/>
        <rFont val="SimHei"/>
        <family val="3"/>
      </rPr>
      <t>种物质（</t>
    </r>
    <r>
      <rPr>
        <sz val="11"/>
        <rFont val="Arial"/>
        <family val="2"/>
      </rPr>
      <t>DEHP</t>
    </r>
    <r>
      <rPr>
        <sz val="11"/>
        <rFont val="SimHei"/>
        <family val="3"/>
      </rPr>
      <t>、</t>
    </r>
    <r>
      <rPr>
        <sz val="11"/>
        <rFont val="Arial"/>
        <family val="2"/>
      </rPr>
      <t>DBP</t>
    </r>
    <r>
      <rPr>
        <sz val="11"/>
        <rFont val="SimHei"/>
        <family val="3"/>
      </rPr>
      <t>、</t>
    </r>
    <r>
      <rPr>
        <sz val="11"/>
        <rFont val="Arial"/>
        <family val="2"/>
      </rPr>
      <t>BBP</t>
    </r>
    <r>
      <rPr>
        <sz val="11"/>
        <rFont val="SimHei"/>
        <family val="3"/>
      </rPr>
      <t>）的合计含有量在</t>
    </r>
    <r>
      <rPr>
        <sz val="11"/>
        <rFont val="Arial"/>
        <family val="2"/>
      </rPr>
      <t>1000ppm</t>
    </r>
    <r>
      <rPr>
        <sz val="11"/>
        <rFont val="SimHei"/>
        <family val="3"/>
      </rPr>
      <t>以下。／</t>
    </r>
    <phoneticPr fontId="6"/>
  </si>
  <si>
    <r>
      <t xml:space="preserve">*1) </t>
    </r>
    <r>
      <rPr>
        <sz val="9"/>
        <rFont val="SimHei"/>
        <family val="3"/>
      </rPr>
      <t>含有率的计算单位如无特别记载时为均质材料。</t>
    </r>
    <phoneticPr fontId="6"/>
  </si>
  <si>
    <r>
      <rPr>
        <sz val="10"/>
        <rFont val="SimHei"/>
        <family val="3"/>
      </rPr>
      <t>判定标准的确认结果为</t>
    </r>
    <r>
      <rPr>
        <sz val="10"/>
        <rFont val="Arial"/>
        <family val="2"/>
      </rPr>
      <t>[Not Applicable]</t>
    </r>
    <r>
      <rPr>
        <sz val="10"/>
        <rFont val="SimHei"/>
        <family val="3"/>
      </rPr>
      <t>情形时，</t>
    </r>
    <r>
      <rPr>
        <sz val="10"/>
        <rFont val="Arial"/>
        <family val="2"/>
      </rPr>
      <t>A2-</t>
    </r>
    <r>
      <rPr>
        <sz val="10"/>
        <rFont val="SimHei"/>
        <family val="3"/>
      </rPr>
      <t>附表中描述并添加了可否使用的判定／</t>
    </r>
    <phoneticPr fontId="6"/>
  </si>
  <si>
    <r>
      <t>C2-</t>
    </r>
    <r>
      <rPr>
        <b/>
        <sz val="12"/>
        <rFont val="SimHei"/>
        <family val="3"/>
      </rPr>
      <t>附表／</t>
    </r>
    <r>
      <rPr>
        <b/>
        <sz val="12"/>
        <rFont val="Arial"/>
        <family val="2"/>
      </rPr>
      <t>C2-Appendix</t>
    </r>
    <phoneticPr fontId="6"/>
  </si>
  <si>
    <r>
      <rPr>
        <b/>
        <sz val="11"/>
        <rFont val="SimHei"/>
        <family val="3"/>
      </rPr>
      <t>关于「</t>
    </r>
    <r>
      <rPr>
        <b/>
        <sz val="11"/>
        <rFont val="Arial"/>
        <family val="2"/>
      </rPr>
      <t>Not Applicable</t>
    </r>
    <r>
      <rPr>
        <b/>
        <sz val="11"/>
        <rFont val="SimHei"/>
        <family val="3"/>
      </rPr>
      <t>」的项目，第</t>
    </r>
    <r>
      <rPr>
        <b/>
        <sz val="11"/>
        <rFont val="Arial"/>
        <family val="2"/>
      </rPr>
      <t>2-2</t>
    </r>
    <r>
      <rPr>
        <b/>
        <sz val="11"/>
        <rFont val="SimHei"/>
        <family val="3"/>
      </rPr>
      <t>项的确认结果，遵循下記判定基准确认结果，该当项目的</t>
    </r>
    <r>
      <rPr>
        <b/>
        <sz val="11"/>
        <rFont val="MS UI Gothic"/>
        <family val="3"/>
        <charset val="128"/>
      </rPr>
      <t>｢</t>
    </r>
    <r>
      <rPr>
        <b/>
        <sz val="11"/>
        <rFont val="SimHei"/>
        <family val="3"/>
      </rPr>
      <t>确认结果</t>
    </r>
    <r>
      <rPr>
        <b/>
        <sz val="11"/>
        <rFont val="MS UI Gothic"/>
        <family val="3"/>
        <charset val="128"/>
      </rPr>
      <t>｣</t>
    </r>
    <r>
      <rPr>
        <b/>
        <sz val="11"/>
        <rFont val="SimHei"/>
        <family val="3"/>
      </rPr>
      <t>栏里以（</t>
    </r>
    <r>
      <rPr>
        <b/>
        <sz val="11"/>
        <rFont val="Arial"/>
        <family val="2"/>
      </rPr>
      <t>X</t>
    </r>
    <r>
      <rPr>
        <b/>
        <sz val="11"/>
        <rFont val="SimHei"/>
        <family val="3"/>
      </rPr>
      <t>）表示／</t>
    </r>
    <phoneticPr fontId="57"/>
  </si>
  <si>
    <r>
      <rPr>
        <sz val="11"/>
        <rFont val="SimHei"/>
        <family val="3"/>
      </rPr>
      <t>确认内容（判定标准）／</t>
    </r>
    <r>
      <rPr>
        <sz val="11"/>
        <rFont val="Arial"/>
        <family val="2"/>
      </rPr>
      <t>Check point (Criteria)</t>
    </r>
    <phoneticPr fontId="6"/>
  </si>
  <si>
    <r>
      <rPr>
        <sz val="11"/>
        <rFont val="SimHei"/>
        <family val="3"/>
      </rPr>
      <t>使用下述（</t>
    </r>
    <r>
      <rPr>
        <sz val="11"/>
        <rFont val="Arial"/>
        <family val="2"/>
      </rPr>
      <t>2</t>
    </r>
    <r>
      <rPr>
        <sz val="11"/>
        <rFont val="SimHei"/>
        <family val="3"/>
      </rPr>
      <t>）～</t>
    </r>
    <r>
      <rPr>
        <sz val="11"/>
        <rFont val="Arial"/>
        <family val="2"/>
      </rPr>
      <t>(3)</t>
    </r>
    <r>
      <rPr>
        <sz val="11"/>
        <rFont val="SimHei"/>
        <family val="3"/>
      </rPr>
      <t>以外的物质／</t>
    </r>
    <phoneticPr fontId="6"/>
  </si>
  <si>
    <r>
      <t>Used in every application other than the following  (2</t>
    </r>
    <r>
      <rPr>
        <sz val="9"/>
        <rFont val="SimHei"/>
        <family val="3"/>
      </rPr>
      <t>）</t>
    </r>
    <r>
      <rPr>
        <sz val="9"/>
        <rFont val="Arial"/>
        <family val="2"/>
      </rPr>
      <t>,(3)</t>
    </r>
    <phoneticPr fontId="6"/>
  </si>
  <si>
    <r>
      <rPr>
        <sz val="11"/>
        <rFont val="SimHei"/>
        <family val="3"/>
      </rPr>
      <t>不是法律规定的限制用途，且残留在成型品中，其残留含有率相对产品整体质量不到</t>
    </r>
    <r>
      <rPr>
        <sz val="11"/>
        <rFont val="Arial"/>
        <family val="2"/>
      </rPr>
      <t>0.1wt</t>
    </r>
    <r>
      <rPr>
        <sz val="11"/>
        <rFont val="SimHei"/>
        <family val="3"/>
      </rPr>
      <t>％时</t>
    </r>
    <r>
      <rPr>
        <sz val="11"/>
        <rFont val="Arial"/>
        <family val="2"/>
      </rPr>
      <t xml:space="preserve">
/</t>
    </r>
    <r>
      <rPr>
        <sz val="9"/>
        <rFont val="Arial"/>
        <family val="2"/>
      </rPr>
      <t xml:space="preserve"> Not limited application specified by the law and remaining in the article and the residual content is less than 0.1 wt% based on the total weight of the product</t>
    </r>
    <phoneticPr fontId="6"/>
  </si>
  <si>
    <r>
      <rPr>
        <sz val="11"/>
        <rFont val="SimHei"/>
        <family val="3"/>
      </rPr>
      <t>不是法律规定的限制用途，且残留在成型品中，其残留含有率相对产品整体质量超过</t>
    </r>
    <r>
      <rPr>
        <sz val="11"/>
        <rFont val="Arial"/>
        <family val="2"/>
      </rPr>
      <t>0.1wt</t>
    </r>
    <r>
      <rPr>
        <sz val="11"/>
        <rFont val="SimHei"/>
        <family val="3"/>
      </rPr>
      <t>％但难以替代时</t>
    </r>
    <r>
      <rPr>
        <sz val="11"/>
        <rFont val="Arial"/>
        <family val="2"/>
      </rPr>
      <t xml:space="preserve">
</t>
    </r>
    <r>
      <rPr>
        <sz val="9"/>
        <rFont val="Arial"/>
        <family val="2"/>
      </rPr>
      <t>/ Not limited application specified by the law and remained in the article, the residual content  is 0.1 wt% or more with respect to the total mass of the product, and it is difficult to substitute.</t>
    </r>
    <phoneticPr fontId="6"/>
  </si>
  <si>
    <r>
      <rPr>
        <sz val="11"/>
        <rFont val="SimHei"/>
        <family val="3"/>
      </rPr>
      <t>三氧化锑（</t>
    </r>
    <r>
      <rPr>
        <sz val="11"/>
        <rFont val="Arial"/>
        <family val="2"/>
      </rPr>
      <t>Sb2O3</t>
    </r>
    <r>
      <rPr>
        <sz val="11"/>
        <rFont val="SimHei"/>
        <family val="3"/>
      </rPr>
      <t>）</t>
    </r>
    <r>
      <rPr>
        <sz val="11"/>
        <rFont val="Arial"/>
        <family val="2"/>
      </rPr>
      <t xml:space="preserve"> / Antimony trioxide</t>
    </r>
    <phoneticPr fontId="6"/>
  </si>
  <si>
    <r>
      <rPr>
        <sz val="11"/>
        <rFont val="SimHei"/>
        <family val="3"/>
      </rPr>
      <t>面向特定客户的零件及材料</t>
    </r>
    <r>
      <rPr>
        <sz val="11"/>
        <rFont val="Arial"/>
        <family val="2"/>
      </rPr>
      <t xml:space="preserve"> *1</t>
    </r>
    <r>
      <rPr>
        <sz val="11"/>
        <rFont val="SimHei"/>
        <family val="3"/>
      </rPr>
      <t>）</t>
    </r>
    <r>
      <rPr>
        <sz val="11"/>
        <rFont val="Arial"/>
        <family val="2"/>
      </rPr>
      <t>/ Part/material for the specific customer</t>
    </r>
    <phoneticPr fontId="6"/>
  </si>
  <si>
    <r>
      <rPr>
        <sz val="11"/>
        <rFont val="SimHei"/>
        <family val="3"/>
      </rPr>
      <t>用于上述（</t>
    </r>
    <r>
      <rPr>
        <sz val="11"/>
        <rFont val="Arial"/>
        <family val="2"/>
      </rPr>
      <t>1</t>
    </r>
    <r>
      <rPr>
        <sz val="11"/>
        <rFont val="SimHei"/>
        <family val="3"/>
      </rPr>
      <t>）以外的情况</t>
    </r>
    <r>
      <rPr>
        <sz val="11"/>
        <rFont val="Arial"/>
        <family val="2"/>
      </rPr>
      <t xml:space="preserve"> / Used in every application other than the above item (1)</t>
    </r>
    <phoneticPr fontId="6"/>
  </si>
  <si>
    <r>
      <t>*</t>
    </r>
    <r>
      <rPr>
        <sz val="9"/>
        <rFont val="SimHei"/>
        <family val="3"/>
      </rPr>
      <t>１）</t>
    </r>
    <r>
      <rPr>
        <sz val="9"/>
        <rFont val="Arial"/>
        <family val="2"/>
      </rPr>
      <t xml:space="preserve"> </t>
    </r>
    <r>
      <rPr>
        <sz val="9"/>
        <rFont val="SimHei"/>
        <family val="3"/>
      </rPr>
      <t>是否是面向特定客户的构件及材料，请向采用部门确认。</t>
    </r>
    <r>
      <rPr>
        <sz val="9"/>
        <rFont val="Arial"/>
        <family val="2"/>
      </rPr>
      <t>/ Please confirm whether it is that for the specific customer to the part/material adopted division.</t>
    </r>
    <phoneticPr fontId="6"/>
  </si>
  <si>
    <r>
      <rPr>
        <sz val="11"/>
        <rFont val="SimHei"/>
        <family val="3"/>
      </rPr>
      <t>天然橡胶／</t>
    </r>
    <r>
      <rPr>
        <sz val="11"/>
        <rFont val="Arial"/>
        <family val="2"/>
      </rPr>
      <t>natural ruber</t>
    </r>
    <phoneticPr fontId="6"/>
  </si>
  <si>
    <r>
      <t>(2)</t>
    </r>
    <r>
      <rPr>
        <sz val="11"/>
        <rFont val="SimHei"/>
        <family val="3"/>
      </rPr>
      <t>、（３）以外的用途</t>
    </r>
    <r>
      <rPr>
        <sz val="11"/>
        <rFont val="Arial"/>
        <family val="2"/>
      </rPr>
      <t xml:space="preserve"> /Used in every application other than the following items (2),(3)</t>
    </r>
    <phoneticPr fontId="6"/>
  </si>
  <si>
    <r>
      <rPr>
        <sz val="11"/>
        <rFont val="SimHei"/>
        <family val="3"/>
      </rPr>
      <t>用于包装材料</t>
    </r>
    <r>
      <rPr>
        <sz val="11"/>
        <rFont val="Arial"/>
        <family val="2"/>
      </rPr>
      <t xml:space="preserve"> / Used in packaging part</t>
    </r>
    <phoneticPr fontId="6"/>
  </si>
  <si>
    <r>
      <rPr>
        <sz val="11"/>
        <rFont val="SimHei"/>
        <family val="3"/>
      </rPr>
      <t>聚氯乙烯树脂／</t>
    </r>
    <r>
      <rPr>
        <sz val="11"/>
        <rFont val="Arial"/>
        <family val="2"/>
      </rPr>
      <t>Polyvinyl chloride (PVC)</t>
    </r>
    <phoneticPr fontId="6"/>
  </si>
  <si>
    <r>
      <rPr>
        <sz val="11"/>
        <rFont val="SimHei"/>
        <family val="3"/>
      </rPr>
      <t>用于包装材料用途／</t>
    </r>
    <phoneticPr fontId="6"/>
  </si>
  <si>
    <r>
      <rPr>
        <sz val="11"/>
        <rFont val="SimHei"/>
        <family val="3"/>
      </rPr>
      <t>（必须填写）难以替代理由</t>
    </r>
    <r>
      <rPr>
        <sz val="11"/>
        <rFont val="ＭＳ Ｐゴシック"/>
        <family val="3"/>
        <charset val="128"/>
      </rPr>
      <t>・</t>
    </r>
    <r>
      <rPr>
        <sz val="11"/>
        <rFont val="SimHei"/>
        <family val="3"/>
      </rPr>
      <t>使用地点</t>
    </r>
    <r>
      <rPr>
        <sz val="9"/>
        <rFont val="SimHei"/>
        <family val="3"/>
      </rPr>
      <t>／</t>
    </r>
    <r>
      <rPr>
        <sz val="9"/>
        <rFont val="Arial"/>
        <family val="2"/>
      </rPr>
      <t>(Required fields) Reason for "difficult to substitute" and Point of use</t>
    </r>
    <phoneticPr fontId="6"/>
  </si>
  <si>
    <r>
      <rPr>
        <sz val="11"/>
        <rFont val="SimHei"/>
        <family val="3"/>
      </rPr>
      <t>四氯酞酸酐</t>
    </r>
    <r>
      <rPr>
        <sz val="11"/>
        <rFont val="Arial"/>
        <family val="2"/>
      </rPr>
      <t xml:space="preserve"> /Tetrachlorophthalic anhydride</t>
    </r>
    <phoneticPr fontId="6"/>
  </si>
  <si>
    <r>
      <rPr>
        <sz val="11"/>
        <rFont val="SimHei"/>
        <family val="3"/>
      </rPr>
      <t>难以替代，已取得夏普采用决定部门的许可／</t>
    </r>
    <phoneticPr fontId="6"/>
  </si>
  <si>
    <r>
      <rPr>
        <sz val="11"/>
        <rFont val="SimHei"/>
        <family val="3"/>
      </rPr>
      <t>红磷／</t>
    </r>
    <r>
      <rPr>
        <sz val="11"/>
        <rFont val="Arial"/>
        <family val="2"/>
      </rPr>
      <t>Red phosphorus</t>
    </r>
    <phoneticPr fontId="6"/>
  </si>
  <si>
    <r>
      <rPr>
        <sz val="11"/>
        <rFont val="SimHei"/>
        <family val="3"/>
      </rPr>
      <t>虽然符合上述（</t>
    </r>
    <r>
      <rPr>
        <sz val="11"/>
        <rFont val="Arial"/>
        <family val="2"/>
      </rPr>
      <t>1</t>
    </r>
    <r>
      <rPr>
        <sz val="11"/>
        <rFont val="SimHei"/>
        <family val="3"/>
      </rPr>
      <t>）、但是难以替代，已取得夏普采用决定部门的许可／</t>
    </r>
    <phoneticPr fontId="6"/>
  </si>
  <si>
    <r>
      <rPr>
        <sz val="11"/>
        <rFont val="SimHei"/>
        <family val="3"/>
      </rPr>
      <t>卤素材料</t>
    </r>
    <r>
      <rPr>
        <sz val="11"/>
        <rFont val="Arial"/>
        <family val="2"/>
      </rPr>
      <t>/ Halogen substances *1)</t>
    </r>
    <phoneticPr fontId="6"/>
  </si>
  <si>
    <r>
      <rPr>
        <sz val="11"/>
        <rFont val="SimHei"/>
        <family val="3"/>
      </rPr>
      <t>面向特定客户的零件及材料</t>
    </r>
    <r>
      <rPr>
        <sz val="11"/>
        <rFont val="Arial"/>
        <family val="2"/>
      </rPr>
      <t xml:space="preserve"> *2</t>
    </r>
    <r>
      <rPr>
        <sz val="11"/>
        <rFont val="SimHei"/>
        <family val="3"/>
      </rPr>
      <t>）</t>
    </r>
    <r>
      <rPr>
        <sz val="11"/>
        <rFont val="Arial"/>
        <family val="2"/>
      </rPr>
      <t>/ Part/material for the specific customer</t>
    </r>
    <phoneticPr fontId="6"/>
  </si>
  <si>
    <r>
      <rPr>
        <sz val="11"/>
        <rFont val="SimHei"/>
        <family val="3"/>
      </rPr>
      <t>用于上述（</t>
    </r>
    <r>
      <rPr>
        <sz val="11"/>
        <rFont val="Arial"/>
        <family val="2"/>
      </rPr>
      <t>1</t>
    </r>
    <r>
      <rPr>
        <sz val="11"/>
        <rFont val="SimHei"/>
        <family val="3"/>
      </rPr>
      <t>）以外的情况</t>
    </r>
    <r>
      <rPr>
        <sz val="11"/>
        <rFont val="Arial"/>
        <family val="2"/>
      </rPr>
      <t xml:space="preserve"> / Used in every application other than the above item (1)</t>
    </r>
    <phoneticPr fontId="6"/>
  </si>
  <si>
    <r>
      <t xml:space="preserve">*1) </t>
    </r>
    <r>
      <rPr>
        <sz val="10"/>
        <rFont val="SimHei"/>
        <family val="3"/>
      </rPr>
      <t>卤素物质以及邻苯二酸钾酯的分析数据仅在委托方要求时提交。分析数据请提交分析机构发行的检测结果报告书。</t>
    </r>
    <r>
      <rPr>
        <sz val="10"/>
        <rFont val="Arial"/>
        <family val="2"/>
      </rPr>
      <t xml:space="preserve"> 
     / Please submit an analysis report on halogen substances and phthalates, only when there is the request from the Sharp's department.
       And please ensure that it is the report on the result of examination issued by analytical organization.</t>
    </r>
    <phoneticPr fontId="6"/>
  </si>
  <si>
    <r>
      <t>*2</t>
    </r>
    <r>
      <rPr>
        <sz val="9"/>
        <rFont val="SimHei"/>
        <family val="3"/>
      </rPr>
      <t>）　是否是面向特定客户的构件及材料，请向采用部门确认。</t>
    </r>
    <r>
      <rPr>
        <sz val="9"/>
        <rFont val="Arial"/>
        <family val="2"/>
      </rPr>
      <t>/ Please confirm whether it is that for the specific customer to the part/material adopted division.</t>
    </r>
    <phoneticPr fontId="6"/>
  </si>
  <si>
    <r>
      <rPr>
        <b/>
        <u/>
        <sz val="11"/>
        <rFont val="SimHei"/>
        <family val="3"/>
      </rPr>
      <t>至</t>
    </r>
    <r>
      <rPr>
        <b/>
        <u/>
        <sz val="11"/>
        <rFont val="Arial"/>
        <family val="2"/>
      </rPr>
      <t xml:space="preserve"> </t>
    </r>
    <r>
      <rPr>
        <b/>
        <u/>
        <sz val="11"/>
        <rFont val="SimHei"/>
        <family val="3"/>
      </rPr>
      <t>夏普株式会社</t>
    </r>
    <r>
      <rPr>
        <b/>
        <u/>
        <sz val="11"/>
        <rFont val="Arial"/>
        <family val="2"/>
      </rPr>
      <t>/ To: SHARP Corporation</t>
    </r>
    <phoneticPr fontId="57"/>
  </si>
  <si>
    <r>
      <rPr>
        <sz val="11"/>
        <rFont val="SimHei"/>
        <family val="3"/>
      </rPr>
      <t xml:space="preserve">制作日期：
</t>
    </r>
    <r>
      <rPr>
        <sz val="9"/>
        <rFont val="Arial"/>
        <family val="2"/>
      </rPr>
      <t>Date:</t>
    </r>
    <phoneticPr fontId="57"/>
  </si>
  <si>
    <r>
      <rPr>
        <sz val="11"/>
        <rFont val="SimHei"/>
        <family val="3"/>
      </rPr>
      <t xml:space="preserve">公司名称：
</t>
    </r>
    <r>
      <rPr>
        <sz val="9"/>
        <rFont val="Arial"/>
        <family val="2"/>
      </rPr>
      <t>Company Name:</t>
    </r>
    <phoneticPr fontId="57"/>
  </si>
  <si>
    <r>
      <rPr>
        <sz val="11"/>
        <rFont val="SimHei"/>
        <family val="3"/>
      </rPr>
      <t xml:space="preserve">部门名称：
</t>
    </r>
    <r>
      <rPr>
        <sz val="9"/>
        <rFont val="Arial"/>
        <family val="2"/>
      </rPr>
      <t>Department:</t>
    </r>
    <phoneticPr fontId="57"/>
  </si>
  <si>
    <r>
      <rPr>
        <b/>
        <sz val="11"/>
        <rFont val="SimHei"/>
        <family val="3"/>
      </rPr>
      <t>关於下述含有化学物质、如下报告。</t>
    </r>
    <r>
      <rPr>
        <sz val="11"/>
        <rFont val="Arial"/>
        <family val="2"/>
      </rPr>
      <t>/ We report on the chemical substances contained in the product delivered to you as follows:</t>
    </r>
    <phoneticPr fontId="57"/>
  </si>
  <si>
    <r>
      <t xml:space="preserve">1. </t>
    </r>
    <r>
      <rPr>
        <b/>
        <u/>
        <sz val="11"/>
        <rFont val="SimHei"/>
        <family val="3"/>
      </rPr>
      <t>调查确认产品</t>
    </r>
    <r>
      <rPr>
        <b/>
        <u/>
        <sz val="11"/>
        <rFont val="Arial"/>
        <family val="2"/>
      </rPr>
      <t xml:space="preserve"> </t>
    </r>
    <r>
      <rPr>
        <u/>
        <sz val="11"/>
        <rFont val="Arial"/>
        <family val="2"/>
      </rPr>
      <t>/</t>
    </r>
    <r>
      <rPr>
        <b/>
        <u/>
        <sz val="11"/>
        <rFont val="Arial"/>
        <family val="2"/>
      </rPr>
      <t xml:space="preserve"> </t>
    </r>
    <r>
      <rPr>
        <u/>
        <sz val="11"/>
        <rFont val="Arial"/>
        <family val="2"/>
      </rPr>
      <t>Information on surveryed product</t>
    </r>
    <phoneticPr fontId="57"/>
  </si>
  <si>
    <r>
      <t>1</t>
    </r>
    <r>
      <rPr>
        <sz val="11"/>
        <rFont val="SimHei"/>
        <family val="3"/>
      </rPr>
      <t>）</t>
    </r>
    <r>
      <rPr>
        <b/>
        <sz val="11"/>
        <rFont val="SimHei"/>
        <family val="3"/>
      </rPr>
      <t>产品名称</t>
    </r>
    <r>
      <rPr>
        <sz val="11"/>
        <rFont val="SimHei"/>
        <family val="3"/>
      </rPr>
      <t>　</t>
    </r>
    <r>
      <rPr>
        <sz val="11"/>
        <rFont val="Arial"/>
        <family val="2"/>
      </rPr>
      <t>/</t>
    </r>
    <r>
      <rPr>
        <sz val="11"/>
        <rFont val="SimHei"/>
        <family val="3"/>
      </rPr>
      <t>　</t>
    </r>
    <r>
      <rPr>
        <sz val="11"/>
        <rFont val="Arial"/>
        <family val="2"/>
      </rPr>
      <t>Product Name</t>
    </r>
    <phoneticPr fontId="57"/>
  </si>
  <si>
    <r>
      <t>2</t>
    </r>
    <r>
      <rPr>
        <sz val="11"/>
        <rFont val="SimHei"/>
        <family val="3"/>
      </rPr>
      <t>）</t>
    </r>
    <r>
      <rPr>
        <sz val="11"/>
        <rFont val="Arial"/>
        <family val="2"/>
      </rPr>
      <t xml:space="preserve"> </t>
    </r>
    <r>
      <rPr>
        <b/>
        <sz val="11"/>
        <rFont val="SimHei"/>
        <family val="3"/>
      </rPr>
      <t>夏普零件编号</t>
    </r>
    <r>
      <rPr>
        <sz val="11"/>
        <rFont val="SimHei"/>
        <family val="3"/>
      </rPr>
      <t>　</t>
    </r>
    <r>
      <rPr>
        <sz val="11"/>
        <rFont val="Arial"/>
        <family val="2"/>
      </rPr>
      <t>/</t>
    </r>
    <r>
      <rPr>
        <sz val="11"/>
        <rFont val="SimHei"/>
        <family val="3"/>
      </rPr>
      <t>　</t>
    </r>
    <r>
      <rPr>
        <sz val="11"/>
        <rFont val="Arial"/>
        <family val="2"/>
      </rPr>
      <t>Sharp Part Code Number</t>
    </r>
    <phoneticPr fontId="57"/>
  </si>
  <si>
    <r>
      <t>3</t>
    </r>
    <r>
      <rPr>
        <sz val="11"/>
        <rFont val="SimHei"/>
        <family val="3"/>
      </rPr>
      <t>）</t>
    </r>
    <r>
      <rPr>
        <sz val="11"/>
        <rFont val="Arial"/>
        <family val="2"/>
      </rPr>
      <t xml:space="preserve"> </t>
    </r>
    <r>
      <rPr>
        <b/>
        <sz val="11"/>
        <rFont val="SimHei"/>
        <family val="3"/>
      </rPr>
      <t>生产商零件编号</t>
    </r>
    <r>
      <rPr>
        <b/>
        <sz val="11"/>
        <rFont val="Arial"/>
        <family val="2"/>
      </rPr>
      <t xml:space="preserve"> </t>
    </r>
    <r>
      <rPr>
        <sz val="11"/>
        <rFont val="Arial"/>
        <family val="2"/>
      </rPr>
      <t>/  Manufacturer’s Part Code Number</t>
    </r>
    <phoneticPr fontId="57"/>
  </si>
  <si>
    <r>
      <t xml:space="preserve">4) </t>
    </r>
    <r>
      <rPr>
        <b/>
        <sz val="11"/>
        <rFont val="SimHei"/>
        <family val="3"/>
      </rPr>
      <t>生产地（工厂名称）</t>
    </r>
    <r>
      <rPr>
        <b/>
        <sz val="11"/>
        <rFont val="Arial"/>
        <family val="2"/>
      </rPr>
      <t xml:space="preserve"> </t>
    </r>
    <r>
      <rPr>
        <sz val="11"/>
        <rFont val="Arial"/>
        <family val="2"/>
      </rPr>
      <t>/  Place of production (Factory name)</t>
    </r>
    <phoneticPr fontId="57"/>
  </si>
  <si>
    <r>
      <t xml:space="preserve">2. </t>
    </r>
    <r>
      <rPr>
        <b/>
        <u/>
        <sz val="11"/>
        <rFont val="SimHei"/>
        <family val="3"/>
      </rPr>
      <t>确认结果</t>
    </r>
    <r>
      <rPr>
        <b/>
        <u/>
        <sz val="11"/>
        <rFont val="Arial"/>
        <family val="2"/>
      </rPr>
      <t xml:space="preserve"> / </t>
    </r>
    <r>
      <rPr>
        <u/>
        <sz val="11"/>
        <rFont val="Arial"/>
        <family val="2"/>
      </rPr>
      <t>Verified results</t>
    </r>
    <phoneticPr fontId="57"/>
  </si>
  <si>
    <r>
      <t>2-1</t>
    </r>
    <r>
      <rPr>
        <b/>
        <sz val="11"/>
        <rFont val="SimHei"/>
        <family val="3"/>
      </rPr>
      <t>．针对全面禁止使用的化学物质在产品中的含有状况</t>
    </r>
    <r>
      <rPr>
        <b/>
        <sz val="11"/>
        <rFont val="Arial"/>
        <family val="2"/>
      </rPr>
      <t xml:space="preserve"> / Presence of banned substances in the product</t>
    </r>
    <phoneticPr fontId="6"/>
  </si>
  <si>
    <r>
      <rPr>
        <sz val="11"/>
        <rFont val="SimHei"/>
        <family val="3"/>
      </rPr>
      <t>化学物质名称</t>
    </r>
    <r>
      <rPr>
        <sz val="11"/>
        <rFont val="Arial"/>
        <family val="2"/>
      </rPr>
      <t>/ Substances</t>
    </r>
    <phoneticPr fontId="57"/>
  </si>
  <si>
    <r>
      <rPr>
        <sz val="11"/>
        <rFont val="SimHei"/>
        <family val="3"/>
      </rPr>
      <t>确认内容</t>
    </r>
    <r>
      <rPr>
        <sz val="11"/>
        <rFont val="Arial"/>
        <family val="2"/>
      </rPr>
      <t>/ Criteria *1)</t>
    </r>
    <phoneticPr fontId="57"/>
  </si>
  <si>
    <r>
      <rPr>
        <sz val="11"/>
        <rFont val="SimHei"/>
        <family val="3"/>
      </rPr>
      <t>确认结果</t>
    </r>
    <r>
      <rPr>
        <sz val="11"/>
        <rFont val="Arial"/>
        <family val="2"/>
      </rPr>
      <t xml:space="preserve"> / Result</t>
    </r>
    <phoneticPr fontId="57"/>
  </si>
  <si>
    <r>
      <rPr>
        <sz val="11"/>
        <rFont val="SimHei"/>
        <family val="3"/>
      </rPr>
      <t>化审法</t>
    </r>
    <r>
      <rPr>
        <sz val="11"/>
        <rFont val="Arial"/>
        <family val="2"/>
      </rPr>
      <t xml:space="preserve"> </t>
    </r>
    <r>
      <rPr>
        <sz val="11"/>
        <rFont val="SimHei"/>
        <family val="3"/>
      </rPr>
      <t>第</t>
    </r>
    <r>
      <rPr>
        <sz val="11"/>
        <rFont val="Arial"/>
        <family val="2"/>
      </rPr>
      <t>1</t>
    </r>
    <r>
      <rPr>
        <sz val="11"/>
        <rFont val="SimHei"/>
        <family val="3"/>
      </rPr>
      <t>种特定物质</t>
    </r>
    <r>
      <rPr>
        <sz val="11"/>
        <rFont val="Arial"/>
        <family val="2"/>
      </rPr>
      <t xml:space="preserve"> *2)
</t>
    </r>
    <r>
      <rPr>
        <sz val="9"/>
        <rFont val="Arial"/>
        <family val="2"/>
      </rPr>
      <t xml:space="preserve">Chemical Substances Control Law : Class </t>
    </r>
    <r>
      <rPr>
        <sz val="9"/>
        <rFont val="SimHei"/>
        <family val="3"/>
      </rPr>
      <t>Ⅰ</t>
    </r>
    <r>
      <rPr>
        <sz val="9"/>
        <rFont val="Arial"/>
        <family val="2"/>
      </rPr>
      <t xml:space="preserve"> specified Chemical Substances</t>
    </r>
    <phoneticPr fontId="57"/>
  </si>
  <si>
    <r>
      <rPr>
        <sz val="11"/>
        <rFont val="SimHei"/>
        <family val="3"/>
      </rPr>
      <t>非有意添加。</t>
    </r>
    <r>
      <rPr>
        <sz val="11"/>
        <rFont val="Arial"/>
        <family val="2"/>
      </rPr>
      <t>/ Not intentionally added.</t>
    </r>
    <phoneticPr fontId="6"/>
  </si>
  <si>
    <r>
      <rPr>
        <sz val="11"/>
        <rFont val="SimHei"/>
        <family val="3"/>
      </rPr>
      <t>※化审法</t>
    </r>
    <r>
      <rPr>
        <sz val="11"/>
        <rFont val="Arial"/>
        <family val="2"/>
      </rPr>
      <t xml:space="preserve"> </t>
    </r>
    <r>
      <rPr>
        <sz val="11"/>
        <rFont val="SimHei"/>
        <family val="3"/>
      </rPr>
      <t>第</t>
    </r>
    <r>
      <rPr>
        <sz val="11"/>
        <rFont val="Arial"/>
        <family val="2"/>
      </rPr>
      <t>2</t>
    </r>
    <r>
      <rPr>
        <sz val="11"/>
        <rFont val="SimHei"/>
        <family val="3"/>
      </rPr>
      <t>种特定物质</t>
    </r>
    <r>
      <rPr>
        <sz val="11"/>
        <rFont val="Arial"/>
        <family val="2"/>
      </rPr>
      <t xml:space="preserve"> *3)
</t>
    </r>
    <r>
      <rPr>
        <sz val="9"/>
        <rFont val="Arial"/>
        <family val="2"/>
      </rPr>
      <t>Chemical Substances Control Law : Class II specified Chemical Substances</t>
    </r>
    <phoneticPr fontId="6"/>
  </si>
  <si>
    <r>
      <rPr>
        <sz val="11"/>
        <rFont val="SimHei"/>
        <family val="3"/>
      </rPr>
      <t>※化审法</t>
    </r>
    <r>
      <rPr>
        <sz val="11"/>
        <rFont val="Arial"/>
        <family val="2"/>
      </rPr>
      <t xml:space="preserve"> </t>
    </r>
    <r>
      <rPr>
        <sz val="11"/>
        <rFont val="SimHei"/>
        <family val="3"/>
      </rPr>
      <t>监视物质</t>
    </r>
    <r>
      <rPr>
        <sz val="11"/>
        <rFont val="Arial"/>
        <family val="2"/>
      </rPr>
      <t xml:space="preserve"> *4)
</t>
    </r>
    <r>
      <rPr>
        <sz val="9"/>
        <rFont val="Arial"/>
        <family val="2"/>
      </rPr>
      <t>Chemical Substances Control Law : Monitoring Substances</t>
    </r>
    <phoneticPr fontId="6"/>
  </si>
  <si>
    <r>
      <rPr>
        <sz val="11"/>
        <rFont val="SimHei"/>
        <family val="3"/>
      </rPr>
      <t>莫斯克西林</t>
    </r>
    <r>
      <rPr>
        <sz val="11"/>
        <rFont val="Arial"/>
        <family val="2"/>
      </rPr>
      <t xml:space="preserve">
</t>
    </r>
    <r>
      <rPr>
        <sz val="9"/>
        <rFont val="Arial"/>
        <family val="2"/>
      </rPr>
      <t>Musk xylene</t>
    </r>
    <phoneticPr fontId="6"/>
  </si>
  <si>
    <r>
      <rPr>
        <sz val="11"/>
        <rFont val="SimHei"/>
        <family val="3"/>
      </rPr>
      <t>非有意添加，且含量不超过</t>
    </r>
    <r>
      <rPr>
        <sz val="11"/>
        <rFont val="Arial"/>
        <family val="2"/>
      </rPr>
      <t>1000ppm</t>
    </r>
    <r>
      <rPr>
        <sz val="11"/>
        <rFont val="SimHei"/>
        <family val="3"/>
      </rPr>
      <t>。</t>
    </r>
    <r>
      <rPr>
        <sz val="11"/>
        <rFont val="Arial"/>
        <family val="2"/>
      </rPr>
      <t xml:space="preserve">
/ Not intentionally added and the content is less than 1000ppm(0.1%).  </t>
    </r>
    <phoneticPr fontId="6"/>
  </si>
  <si>
    <r>
      <rPr>
        <sz val="11"/>
        <rFont val="SimHei"/>
        <family val="3"/>
      </rPr>
      <t>壬基苯酚化合物及其乙二醚</t>
    </r>
    <r>
      <rPr>
        <sz val="11"/>
        <rFont val="Arial"/>
        <family val="2"/>
      </rPr>
      <t xml:space="preserve">
</t>
    </r>
    <r>
      <rPr>
        <sz val="9"/>
        <rFont val="Arial"/>
        <family val="2"/>
      </rPr>
      <t>Nonylphenol compounds and its ethoxylate</t>
    </r>
    <phoneticPr fontId="6"/>
  </si>
  <si>
    <r>
      <rPr>
        <sz val="11"/>
        <rFont val="SimHei"/>
        <family val="3"/>
      </rPr>
      <t>非有意添加，且含量不超过</t>
    </r>
    <r>
      <rPr>
        <sz val="11"/>
        <rFont val="Arial"/>
        <family val="2"/>
      </rPr>
      <t>1000ppm</t>
    </r>
    <r>
      <rPr>
        <sz val="11"/>
        <rFont val="SimHei"/>
        <family val="3"/>
      </rPr>
      <t>。</t>
    </r>
    <r>
      <rPr>
        <sz val="11"/>
        <rFont val="Arial"/>
        <family val="2"/>
      </rPr>
      <t xml:space="preserve">
/ Not intentionally added and the content is less than 1000ppm(0.1%).  </t>
    </r>
    <phoneticPr fontId="6"/>
  </si>
  <si>
    <r>
      <rPr>
        <sz val="11"/>
        <rFont val="SimHei"/>
        <family val="3"/>
      </rPr>
      <t>蒽类</t>
    </r>
    <r>
      <rPr>
        <sz val="11"/>
        <rFont val="Arial"/>
        <family val="2"/>
      </rPr>
      <t xml:space="preserve">
</t>
    </r>
    <r>
      <rPr>
        <sz val="9"/>
        <rFont val="Arial"/>
        <family val="2"/>
      </rPr>
      <t>Anthracenes</t>
    </r>
    <phoneticPr fontId="6"/>
  </si>
  <si>
    <r>
      <rPr>
        <sz val="11"/>
        <rFont val="SimHei"/>
        <family val="3"/>
      </rPr>
      <t>※长链氯化石蜡（</t>
    </r>
    <r>
      <rPr>
        <sz val="11"/>
        <rFont val="Arial"/>
        <family val="2"/>
      </rPr>
      <t>LCCP)</t>
    </r>
    <r>
      <rPr>
        <sz val="11"/>
        <rFont val="SimHei"/>
        <family val="3"/>
      </rPr>
      <t>（碳数</t>
    </r>
    <r>
      <rPr>
        <sz val="11"/>
        <rFont val="Arial"/>
        <family val="2"/>
      </rPr>
      <t>20</t>
    </r>
    <r>
      <rPr>
        <sz val="11"/>
        <rFont val="SimHei"/>
        <family val="3"/>
      </rPr>
      <t>～</t>
    </r>
    <r>
      <rPr>
        <sz val="11"/>
        <rFont val="Arial"/>
        <family val="2"/>
      </rPr>
      <t>30</t>
    </r>
    <r>
      <rPr>
        <sz val="11"/>
        <rFont val="SimHei"/>
        <family val="3"/>
      </rPr>
      <t>）</t>
    </r>
    <r>
      <rPr>
        <sz val="11"/>
        <rFont val="Arial"/>
        <family val="2"/>
      </rPr>
      <t xml:space="preserve">
</t>
    </r>
    <r>
      <rPr>
        <sz val="9"/>
        <rFont val="Arial"/>
        <family val="2"/>
      </rPr>
      <t>Chlorinated paraffins: C23, 43% chlorine</t>
    </r>
    <phoneticPr fontId="6"/>
  </si>
  <si>
    <r>
      <rPr>
        <sz val="11"/>
        <rFont val="SimHei"/>
        <family val="3"/>
      </rPr>
      <t>※中链氯化石蜡（</t>
    </r>
    <r>
      <rPr>
        <sz val="11"/>
        <rFont val="Arial"/>
        <family val="2"/>
      </rPr>
      <t>MCCP)[</t>
    </r>
    <r>
      <rPr>
        <sz val="11"/>
        <rFont val="SimHei"/>
        <family val="3"/>
      </rPr>
      <t>群</t>
    </r>
    <r>
      <rPr>
        <sz val="11"/>
        <rFont val="Arial"/>
        <family val="2"/>
      </rPr>
      <t>]</t>
    </r>
    <r>
      <rPr>
        <sz val="11"/>
        <rFont val="SimHei"/>
        <family val="3"/>
      </rPr>
      <t>（碳数</t>
    </r>
    <r>
      <rPr>
        <sz val="11"/>
        <rFont val="Arial"/>
        <family val="2"/>
      </rPr>
      <t>14</t>
    </r>
    <r>
      <rPr>
        <sz val="11"/>
        <rFont val="SimHei"/>
        <family val="3"/>
      </rPr>
      <t>～</t>
    </r>
    <r>
      <rPr>
        <sz val="11"/>
        <rFont val="Arial"/>
        <family val="2"/>
      </rPr>
      <t>19</t>
    </r>
    <r>
      <rPr>
        <sz val="11"/>
        <rFont val="SimHei"/>
        <family val="3"/>
      </rPr>
      <t>）</t>
    </r>
    <r>
      <rPr>
        <sz val="11"/>
        <rFont val="Arial"/>
        <family val="2"/>
      </rPr>
      <t xml:space="preserve">
</t>
    </r>
    <r>
      <rPr>
        <sz val="9"/>
        <rFont val="Arial"/>
        <family val="2"/>
      </rPr>
      <t>Medium Chain Chlorinated Paraffins (MCCP)[Group](14-19 carbons)</t>
    </r>
    <phoneticPr fontId="6"/>
  </si>
  <si>
    <r>
      <rPr>
        <sz val="11"/>
        <rFont val="SimHei"/>
        <family val="3"/>
      </rPr>
      <t>※</t>
    </r>
    <r>
      <rPr>
        <sz val="11"/>
        <rFont val="Arial"/>
        <family val="2"/>
      </rPr>
      <t>1,3</t>
    </r>
    <r>
      <rPr>
        <sz val="11"/>
        <rFont val="SimHei"/>
        <family val="3"/>
      </rPr>
      <t>－二氯丙烯</t>
    </r>
    <r>
      <rPr>
        <sz val="11"/>
        <rFont val="Arial"/>
        <family val="2"/>
      </rPr>
      <t xml:space="preserve">
1,3-Dichloropropene</t>
    </r>
    <phoneticPr fontId="6"/>
  </si>
  <si>
    <r>
      <rPr>
        <sz val="11"/>
        <rFont val="SimHei"/>
        <family val="3"/>
      </rPr>
      <t>※</t>
    </r>
    <r>
      <rPr>
        <sz val="11"/>
        <rFont val="Arial"/>
        <family val="2"/>
      </rPr>
      <t>p-</t>
    </r>
    <r>
      <rPr>
        <sz val="11"/>
        <rFont val="SimHei"/>
        <family val="3"/>
      </rPr>
      <t>二甲基氨基偶氮苯</t>
    </r>
    <r>
      <rPr>
        <sz val="11"/>
        <rFont val="Arial"/>
        <family val="2"/>
      </rPr>
      <t xml:space="preserve">
</t>
    </r>
    <r>
      <rPr>
        <sz val="9"/>
        <rFont val="Arial"/>
        <family val="2"/>
      </rPr>
      <t>p-Dimethylaminoazobenzene</t>
    </r>
    <phoneticPr fontId="6"/>
  </si>
  <si>
    <r>
      <rPr>
        <sz val="11"/>
        <rFont val="SimHei"/>
        <family val="3"/>
      </rPr>
      <t>※氯化氢</t>
    </r>
    <r>
      <rPr>
        <sz val="11"/>
        <rFont val="Arial"/>
        <family val="2"/>
      </rPr>
      <t xml:space="preserve">
</t>
    </r>
    <r>
      <rPr>
        <sz val="9"/>
        <rFont val="Arial"/>
        <family val="2"/>
      </rPr>
      <t>Hydrogen chloride</t>
    </r>
    <phoneticPr fontId="6"/>
  </si>
  <si>
    <r>
      <rPr>
        <sz val="11"/>
        <rFont val="SimHei"/>
        <family val="3"/>
      </rPr>
      <t>※</t>
    </r>
    <r>
      <rPr>
        <sz val="11"/>
        <rFont val="Arial"/>
        <family val="2"/>
      </rPr>
      <t>N,N'-</t>
    </r>
    <r>
      <rPr>
        <sz val="11"/>
        <rFont val="SimHei"/>
        <family val="3"/>
      </rPr>
      <t>次乙基二（二硫胺甲酸）锰（代森锰）</t>
    </r>
    <r>
      <rPr>
        <sz val="11"/>
        <rFont val="Arial"/>
        <family val="2"/>
      </rPr>
      <t xml:space="preserve">
</t>
    </r>
    <r>
      <rPr>
        <sz val="9"/>
        <rFont val="Arial"/>
        <family val="2"/>
      </rPr>
      <t>N,N'-Ethylenebisdithiocarbamate manganese (Maneb)</t>
    </r>
    <phoneticPr fontId="6"/>
  </si>
  <si>
    <r>
      <rPr>
        <sz val="11"/>
        <rFont val="SimHei"/>
        <family val="3"/>
      </rPr>
      <t>※</t>
    </r>
    <r>
      <rPr>
        <sz val="11"/>
        <rFont val="Arial"/>
        <family val="2"/>
      </rPr>
      <t>1-</t>
    </r>
    <r>
      <rPr>
        <sz val="11"/>
        <rFont val="SimHei"/>
        <family val="3"/>
      </rPr>
      <t>萘胺</t>
    </r>
    <r>
      <rPr>
        <sz val="11"/>
        <rFont val="Arial"/>
        <family val="2"/>
      </rPr>
      <t xml:space="preserve">
</t>
    </r>
    <r>
      <rPr>
        <sz val="9"/>
        <rFont val="Arial"/>
        <family val="2"/>
      </rPr>
      <t>1-Naphthylamine</t>
    </r>
    <phoneticPr fontId="6"/>
  </si>
  <si>
    <r>
      <rPr>
        <sz val="11"/>
        <rFont val="SimHei"/>
        <family val="3"/>
      </rPr>
      <t>非有意添加。</t>
    </r>
    <r>
      <rPr>
        <sz val="11"/>
        <rFont val="Arial"/>
        <family val="2"/>
      </rPr>
      <t>/ Not intentionally added.</t>
    </r>
    <phoneticPr fontId="6"/>
  </si>
  <si>
    <r>
      <t>*1</t>
    </r>
    <r>
      <rPr>
        <sz val="10"/>
        <rFont val="SimHei"/>
        <family val="3"/>
      </rPr>
      <t>）</t>
    </r>
    <r>
      <rPr>
        <sz val="10"/>
        <rFont val="Arial"/>
        <family val="2"/>
      </rPr>
      <t xml:space="preserve"> </t>
    </r>
    <r>
      <rPr>
        <sz val="10"/>
        <rFont val="SimHei"/>
        <family val="3"/>
      </rPr>
      <t>含有率的计算单位为均质材料。</t>
    </r>
    <r>
      <rPr>
        <sz val="10"/>
        <rFont val="Arial"/>
        <family val="2"/>
      </rPr>
      <t>/ Unit for calculating content rate is homogeneous material.</t>
    </r>
    <phoneticPr fontId="6"/>
  </si>
  <si>
    <r>
      <t>*4</t>
    </r>
    <r>
      <rPr>
        <sz val="10"/>
        <rFont val="SimHei"/>
        <family val="3"/>
      </rPr>
      <t>）</t>
    </r>
    <r>
      <rPr>
        <sz val="10"/>
        <rFont val="Arial"/>
        <family val="2"/>
      </rPr>
      <t xml:space="preserve"> </t>
    </r>
    <r>
      <rPr>
        <sz val="10"/>
        <rFont val="SimHei"/>
        <family val="3"/>
      </rPr>
      <t>日本　与化学物质的审查及制造等限制相关的法律</t>
    </r>
    <r>
      <rPr>
        <sz val="10"/>
        <rFont val="Arial"/>
        <family val="2"/>
      </rPr>
      <t xml:space="preserve"> (</t>
    </r>
    <r>
      <rPr>
        <sz val="10"/>
        <rFont val="SimHei"/>
        <family val="3"/>
      </rPr>
      <t>化审法</t>
    </r>
    <r>
      <rPr>
        <sz val="10"/>
        <rFont val="Arial"/>
        <family val="2"/>
      </rPr>
      <t>)</t>
    </r>
    <r>
      <rPr>
        <sz val="10"/>
        <rFont val="SimHei"/>
        <family val="3"/>
      </rPr>
      <t>　监视物质　</t>
    </r>
    <r>
      <rPr>
        <sz val="10"/>
        <rFont val="Arial"/>
        <family val="2"/>
      </rPr>
      <t>/</t>
    </r>
    <r>
      <rPr>
        <sz val="10"/>
        <rFont val="SimHei"/>
        <family val="3"/>
      </rPr>
      <t>　</t>
    </r>
    <r>
      <rPr>
        <sz val="10"/>
        <rFont val="Arial"/>
        <family val="2"/>
      </rPr>
      <t>Japan Chemical Substances Control Law : Monitoring Substances</t>
    </r>
    <phoneticPr fontId="6"/>
  </si>
  <si>
    <r>
      <t>*5</t>
    </r>
    <r>
      <rPr>
        <sz val="10"/>
        <rFont val="SimHei"/>
        <family val="3"/>
      </rPr>
      <t>）</t>
    </r>
    <r>
      <rPr>
        <sz val="10"/>
        <rFont val="Arial"/>
        <family val="2"/>
      </rPr>
      <t xml:space="preserve"> </t>
    </r>
    <r>
      <rPr>
        <sz val="10"/>
        <rFont val="SimHei"/>
        <family val="3"/>
      </rPr>
      <t>美国</t>
    </r>
    <r>
      <rPr>
        <sz val="10"/>
        <rFont val="Arial"/>
        <family val="2"/>
      </rPr>
      <t xml:space="preserve"> </t>
    </r>
    <r>
      <rPr>
        <sz val="10"/>
        <rFont val="SimHei"/>
        <family val="3"/>
      </rPr>
      <t>有毒物质控制法（</t>
    </r>
    <r>
      <rPr>
        <sz val="10"/>
        <rFont val="Arial"/>
        <family val="2"/>
      </rPr>
      <t>Toxic Substances Control Act</t>
    </r>
    <r>
      <rPr>
        <sz val="10"/>
        <rFont val="SimHei"/>
        <family val="3"/>
      </rPr>
      <t>：</t>
    </r>
    <r>
      <rPr>
        <sz val="10"/>
        <rFont val="Arial"/>
        <family val="2"/>
      </rPr>
      <t>TSCA</t>
    </r>
    <r>
      <rPr>
        <sz val="10"/>
        <rFont val="SimHei"/>
        <family val="3"/>
      </rPr>
      <t>）禁止或限制使用的对象物质（第</t>
    </r>
    <r>
      <rPr>
        <sz val="10"/>
        <rFont val="Arial"/>
        <family val="2"/>
      </rPr>
      <t>6</t>
    </r>
    <r>
      <rPr>
        <sz val="10"/>
        <rFont val="SimHei"/>
        <family val="3"/>
      </rPr>
      <t>条）</t>
    </r>
    <r>
      <rPr>
        <sz val="10"/>
        <rFont val="Arial"/>
        <family val="2"/>
      </rPr>
      <t xml:space="preserve"> / Toxic Substances Control Act</t>
    </r>
    <r>
      <rPr>
        <sz val="10"/>
        <rFont val="SimHei"/>
        <family val="3"/>
      </rPr>
      <t>：</t>
    </r>
    <r>
      <rPr>
        <sz val="10"/>
        <rFont val="Arial"/>
        <family val="2"/>
      </rPr>
      <t>TSCA(US) Banned or restricted substances (Section 6)</t>
    </r>
    <phoneticPr fontId="6"/>
  </si>
  <si>
    <r>
      <t>*6</t>
    </r>
    <r>
      <rPr>
        <sz val="10"/>
        <rFont val="SimHei"/>
        <family val="3"/>
      </rPr>
      <t>）</t>
    </r>
    <r>
      <rPr>
        <sz val="10"/>
        <rFont val="Arial"/>
        <family val="2"/>
      </rPr>
      <t xml:space="preserve"> EU POPs</t>
    </r>
    <r>
      <rPr>
        <sz val="10"/>
        <rFont val="SimHei"/>
        <family val="3"/>
      </rPr>
      <t>法规</t>
    </r>
    <r>
      <rPr>
        <sz val="10"/>
        <rFont val="Arial"/>
        <family val="2"/>
      </rPr>
      <t xml:space="preserve"> (EC) No 850/2004</t>
    </r>
    <r>
      <rPr>
        <sz val="10"/>
        <rFont val="SimHei"/>
        <family val="3"/>
      </rPr>
      <t>　</t>
    </r>
    <r>
      <rPr>
        <sz val="10"/>
        <rFont val="Arial"/>
        <family val="2"/>
      </rPr>
      <t>ANNEX I  / EU POPs Regulation (EC) 850/2004 ANNEX</t>
    </r>
    <r>
      <rPr>
        <sz val="10"/>
        <rFont val="SimHei"/>
        <family val="3"/>
      </rPr>
      <t>Ⅰ</t>
    </r>
    <phoneticPr fontId="6"/>
  </si>
  <si>
    <r>
      <rPr>
        <sz val="10"/>
        <rFont val="SimHei"/>
        <family val="3"/>
      </rPr>
      <t>※</t>
    </r>
    <r>
      <rPr>
        <sz val="10"/>
        <rFont val="Arial"/>
        <family val="2"/>
      </rPr>
      <t xml:space="preserve"> </t>
    </r>
    <r>
      <rPr>
        <sz val="10"/>
        <rFont val="SimHei"/>
        <family val="3"/>
      </rPr>
      <t>设备类独自调查对象化学物质</t>
    </r>
    <r>
      <rPr>
        <sz val="10"/>
        <rFont val="Arial"/>
        <family val="2"/>
      </rPr>
      <t>/ Device Group-Specific Survey-Targeted Chemical Substances</t>
    </r>
    <phoneticPr fontId="6"/>
  </si>
  <si>
    <r>
      <t xml:space="preserve">&lt; </t>
    </r>
    <r>
      <rPr>
        <sz val="9"/>
        <rFont val="SimHei"/>
        <family val="3"/>
      </rPr>
      <t>下一页／</t>
    </r>
    <r>
      <rPr>
        <sz val="9"/>
        <rFont val="Arial"/>
        <family val="2"/>
      </rPr>
      <t>Continued on the next page.&gt;</t>
    </r>
    <phoneticPr fontId="6"/>
  </si>
  <si>
    <r>
      <t xml:space="preserve">&lt; </t>
    </r>
    <r>
      <rPr>
        <sz val="9"/>
        <rFont val="SimHei"/>
        <family val="3"/>
      </rPr>
      <t>接上一页／</t>
    </r>
    <r>
      <rPr>
        <sz val="9"/>
        <rFont val="Arial"/>
        <family val="2"/>
      </rPr>
      <t>Continued from the previous page.&gt;</t>
    </r>
    <phoneticPr fontId="6"/>
  </si>
  <si>
    <r>
      <t>2-2</t>
    </r>
    <r>
      <rPr>
        <b/>
        <u/>
        <sz val="11"/>
        <rFont val="SimHei"/>
        <family val="3"/>
      </rPr>
      <t>．附带条件禁止使用的化学物质在产品中的含有状况</t>
    </r>
    <r>
      <rPr>
        <b/>
        <u/>
        <sz val="11"/>
        <rFont val="Arial"/>
        <family val="2"/>
      </rPr>
      <t>/ Presence of banned substance depending on application</t>
    </r>
    <phoneticPr fontId="6"/>
  </si>
  <si>
    <r>
      <rPr>
        <sz val="11"/>
        <rFont val="SimHei"/>
        <family val="3"/>
      </rPr>
      <t>确认结果如果没有达到标准时、请参照</t>
    </r>
    <r>
      <rPr>
        <sz val="11"/>
        <rFont val="Arial"/>
        <family val="2"/>
      </rPr>
      <t>C</t>
    </r>
    <r>
      <rPr>
        <sz val="11"/>
        <rFont val="SimHei"/>
        <family val="3"/>
      </rPr>
      <t>２</t>
    </r>
    <r>
      <rPr>
        <sz val="11"/>
        <rFont val="Arial"/>
        <family val="2"/>
      </rPr>
      <t>-</t>
    </r>
    <r>
      <rPr>
        <sz val="11"/>
        <rFont val="SimHei"/>
        <family val="3"/>
      </rPr>
      <t>附表判断可否使用。</t>
    </r>
    <r>
      <rPr>
        <sz val="11"/>
        <rFont val="Arial"/>
        <family val="2"/>
      </rPr>
      <t>/ If the check result does not meet the criteria, we will decide whether to use it on C2 - appendix.</t>
    </r>
    <phoneticPr fontId="6"/>
  </si>
  <si>
    <r>
      <t>CAS</t>
    </r>
    <r>
      <rPr>
        <sz val="9"/>
        <rFont val="SimHei"/>
        <family val="3"/>
      </rPr>
      <t>编号／</t>
    </r>
    <r>
      <rPr>
        <sz val="9"/>
        <rFont val="Arial"/>
        <family val="2"/>
      </rPr>
      <t>CAS No.</t>
    </r>
    <phoneticPr fontId="6"/>
  </si>
  <si>
    <r>
      <rPr>
        <sz val="11"/>
        <rFont val="SimHei"/>
        <family val="3"/>
      </rPr>
      <t>确认结果</t>
    </r>
    <r>
      <rPr>
        <sz val="11"/>
        <rFont val="Arial"/>
        <family val="2"/>
      </rPr>
      <t xml:space="preserve"> / Result</t>
    </r>
    <phoneticPr fontId="57"/>
  </si>
  <si>
    <r>
      <rPr>
        <sz val="11"/>
        <rFont val="SimHei"/>
        <family val="3"/>
      </rPr>
      <t>另表</t>
    </r>
    <r>
      <rPr>
        <sz val="11"/>
        <rFont val="Arial"/>
        <family val="2"/>
      </rPr>
      <t>A</t>
    </r>
    <r>
      <rPr>
        <sz val="11"/>
        <rFont val="SimHei"/>
        <family val="3"/>
      </rPr>
      <t>所示的</t>
    </r>
    <r>
      <rPr>
        <sz val="11"/>
        <rFont val="Arial"/>
        <family val="2"/>
      </rPr>
      <t>REACH</t>
    </r>
    <r>
      <rPr>
        <sz val="11"/>
        <rFont val="SimHei"/>
        <family val="3"/>
      </rPr>
      <t>规则　限制物质</t>
    </r>
    <r>
      <rPr>
        <sz val="11"/>
        <rFont val="Arial"/>
        <family val="2"/>
      </rPr>
      <t xml:space="preserve"> *7) 
</t>
    </r>
    <r>
      <rPr>
        <sz val="9"/>
        <rFont val="Arial"/>
        <family val="2"/>
      </rPr>
      <t>/ REACH regulation Restricted substances listed in Appendix A.</t>
    </r>
    <phoneticPr fontId="6"/>
  </si>
  <si>
    <r>
      <rPr>
        <sz val="11"/>
        <rFont val="SimHei"/>
        <family val="3"/>
      </rPr>
      <t>三氧化锑</t>
    </r>
    <r>
      <rPr>
        <sz val="11"/>
        <rFont val="Arial"/>
        <family val="2"/>
      </rPr>
      <t xml:space="preserve"> 
</t>
    </r>
    <r>
      <rPr>
        <sz val="9"/>
        <rFont val="Arial"/>
        <family val="2"/>
      </rPr>
      <t>Antimony trioxide</t>
    </r>
    <phoneticPr fontId="6"/>
  </si>
  <si>
    <r>
      <rPr>
        <sz val="11"/>
        <rFont val="SimHei"/>
        <family val="3"/>
      </rPr>
      <t>含量不超过</t>
    </r>
    <r>
      <rPr>
        <sz val="11"/>
        <rFont val="Arial"/>
        <family val="2"/>
      </rPr>
      <t>1000ppm</t>
    </r>
    <r>
      <rPr>
        <sz val="11"/>
        <rFont val="SimHei"/>
        <family val="3"/>
      </rPr>
      <t>。</t>
    </r>
    <r>
      <rPr>
        <sz val="11"/>
        <rFont val="Arial"/>
        <family val="2"/>
      </rPr>
      <t>/</t>
    </r>
    <r>
      <rPr>
        <sz val="11"/>
        <rFont val="SimHei"/>
        <family val="3"/>
      </rPr>
      <t>　</t>
    </r>
    <r>
      <rPr>
        <sz val="11"/>
        <rFont val="Arial"/>
        <family val="2"/>
      </rPr>
      <t>The content of Antimony trioxide is less than 1000ppm.</t>
    </r>
    <phoneticPr fontId="57"/>
  </si>
  <si>
    <r>
      <rPr>
        <sz val="11"/>
        <rFont val="SimHei"/>
        <family val="3"/>
      </rPr>
      <t>※聚氯乙烯树脂</t>
    </r>
    <r>
      <rPr>
        <sz val="11"/>
        <rFont val="Arial"/>
        <family val="2"/>
      </rPr>
      <t xml:space="preserve">(PVC)
</t>
    </r>
    <r>
      <rPr>
        <sz val="9"/>
        <rFont val="Arial"/>
        <family val="2"/>
      </rPr>
      <t xml:space="preserve">Polyvinyl chloride </t>
    </r>
    <phoneticPr fontId="6"/>
  </si>
  <si>
    <r>
      <rPr>
        <sz val="11"/>
        <rFont val="SimHei"/>
        <family val="3"/>
      </rPr>
      <t>※天然橡胶</t>
    </r>
    <r>
      <rPr>
        <sz val="11"/>
        <rFont val="Arial"/>
        <family val="2"/>
      </rPr>
      <t xml:space="preserve"> </t>
    </r>
    <r>
      <rPr>
        <sz val="9"/>
        <rFont val="SimHei"/>
        <family val="3"/>
      </rPr>
      <t>／</t>
    </r>
    <r>
      <rPr>
        <sz val="9"/>
        <rFont val="Arial"/>
        <family val="2"/>
      </rPr>
      <t>Natural rubber</t>
    </r>
    <phoneticPr fontId="57"/>
  </si>
  <si>
    <r>
      <rPr>
        <sz val="11"/>
        <rFont val="SimHei"/>
        <family val="3"/>
      </rPr>
      <t>※四氯酞酸酐</t>
    </r>
    <r>
      <rPr>
        <sz val="11"/>
        <rFont val="Arial"/>
        <family val="2"/>
      </rPr>
      <t xml:space="preserve">
</t>
    </r>
    <r>
      <rPr>
        <sz val="9"/>
        <rFont val="Arial"/>
        <family val="2"/>
      </rPr>
      <t>Tetrachlorophthalic anhydride</t>
    </r>
    <phoneticPr fontId="6"/>
  </si>
  <si>
    <r>
      <rPr>
        <sz val="11"/>
        <rFont val="SimHei"/>
        <family val="3"/>
      </rPr>
      <t>※红磷</t>
    </r>
    <r>
      <rPr>
        <sz val="9"/>
        <rFont val="SimHei"/>
        <family val="3"/>
      </rPr>
      <t>／</t>
    </r>
    <r>
      <rPr>
        <sz val="9"/>
        <rFont val="Arial"/>
        <family val="2"/>
      </rPr>
      <t>Red phosphorus</t>
    </r>
    <phoneticPr fontId="6"/>
  </si>
  <si>
    <r>
      <rPr>
        <sz val="11"/>
        <rFont val="SimHei"/>
        <family val="3"/>
      </rPr>
      <t>※卤素材料（氯、溴）</t>
    </r>
    <r>
      <rPr>
        <sz val="11"/>
        <rFont val="Arial"/>
        <family val="2"/>
      </rPr>
      <t xml:space="preserve">*8)
</t>
    </r>
    <r>
      <rPr>
        <sz val="9"/>
        <rFont val="Arial"/>
        <family val="2"/>
      </rPr>
      <t>Halogen substances (Chlorine, Bromine)</t>
    </r>
    <phoneticPr fontId="6"/>
  </si>
  <si>
    <r>
      <rPr>
        <sz val="11"/>
        <rFont val="SimHei"/>
        <family val="3"/>
      </rPr>
      <t>满足下面（１）、（２）、（３）所有的条件。／</t>
    </r>
    <r>
      <rPr>
        <sz val="11"/>
        <rFont val="Arial"/>
        <family val="2"/>
      </rPr>
      <t xml:space="preserve"> It satisfies all of the following conditions (1), (2) and (3).</t>
    </r>
    <phoneticPr fontId="6"/>
  </si>
  <si>
    <r>
      <t>(1)</t>
    </r>
    <r>
      <rPr>
        <sz val="11"/>
        <rFont val="SimHei"/>
        <family val="3"/>
      </rPr>
      <t>「氯素」的含有量在</t>
    </r>
    <r>
      <rPr>
        <sz val="11"/>
        <rFont val="Arial"/>
        <family val="2"/>
      </rPr>
      <t>900ppm(0.09%)</t>
    </r>
    <r>
      <rPr>
        <sz val="11"/>
        <rFont val="SimHei"/>
        <family val="3"/>
      </rPr>
      <t>以下。</t>
    </r>
    <r>
      <rPr>
        <sz val="11"/>
        <rFont val="Arial"/>
        <family val="2"/>
      </rPr>
      <t xml:space="preserve">
The content of "Chlorine" is less than 900 ppm(0.09%)</t>
    </r>
    <phoneticPr fontId="57"/>
  </si>
  <si>
    <r>
      <t>(2)</t>
    </r>
    <r>
      <rPr>
        <sz val="11"/>
        <rFont val="SimHei"/>
        <family val="3"/>
      </rPr>
      <t>「溴素」的含有量在</t>
    </r>
    <r>
      <rPr>
        <sz val="11"/>
        <rFont val="Arial"/>
        <family val="2"/>
      </rPr>
      <t>900ppm(0.09%)</t>
    </r>
    <r>
      <rPr>
        <sz val="11"/>
        <rFont val="SimHei"/>
        <family val="3"/>
      </rPr>
      <t>以下。</t>
    </r>
    <r>
      <rPr>
        <sz val="11"/>
        <rFont val="Arial"/>
        <family val="2"/>
      </rPr>
      <t xml:space="preserve">
The content of "Bromine" is less than 900 ppm(0.09%)</t>
    </r>
    <phoneticPr fontId="57"/>
  </si>
  <si>
    <r>
      <t>(3)</t>
    </r>
    <r>
      <rPr>
        <sz val="11"/>
        <rFont val="SimHei"/>
        <family val="3"/>
      </rPr>
      <t>「氯素」和「溴素」的合计含有量在</t>
    </r>
    <r>
      <rPr>
        <sz val="11"/>
        <rFont val="Arial"/>
        <family val="2"/>
      </rPr>
      <t>1500ppm(0.15%)</t>
    </r>
    <r>
      <rPr>
        <sz val="11"/>
        <rFont val="SimHei"/>
        <family val="3"/>
      </rPr>
      <t>以下。</t>
    </r>
    <r>
      <rPr>
        <sz val="11"/>
        <rFont val="Arial"/>
        <family val="2"/>
      </rPr>
      <t xml:space="preserve">
The content of the total of  "Chlorine" and "Bromine" is less than 1500ppm(0.15%)</t>
    </r>
    <phoneticPr fontId="57"/>
  </si>
  <si>
    <r>
      <t>*1</t>
    </r>
    <r>
      <rPr>
        <sz val="10"/>
        <rFont val="SimHei"/>
        <family val="3"/>
      </rPr>
      <t>）</t>
    </r>
    <r>
      <rPr>
        <sz val="10"/>
        <rFont val="Arial"/>
        <family val="2"/>
      </rPr>
      <t xml:space="preserve"> </t>
    </r>
    <r>
      <rPr>
        <sz val="10"/>
        <rFont val="SimHei"/>
        <family val="3"/>
      </rPr>
      <t>含有率的计算单位为均质材料。</t>
    </r>
    <r>
      <rPr>
        <sz val="10"/>
        <rFont val="Arial"/>
        <family val="2"/>
      </rPr>
      <t>/ Unit for calculating content rate is homogeneous material.</t>
    </r>
    <phoneticPr fontId="6"/>
  </si>
  <si>
    <r>
      <t xml:space="preserve">*7) EU REACH </t>
    </r>
    <r>
      <rPr>
        <sz val="10"/>
        <rFont val="SimHei"/>
        <family val="3"/>
      </rPr>
      <t>规则</t>
    </r>
    <r>
      <rPr>
        <sz val="10"/>
        <rFont val="Arial"/>
        <family val="2"/>
      </rPr>
      <t xml:space="preserve"> (EC) No 1907/2006  ANNEX XVII</t>
    </r>
    <r>
      <rPr>
        <sz val="10"/>
        <rFont val="SimHei"/>
        <family val="3"/>
      </rPr>
      <t>（限制对象物质）</t>
    </r>
    <phoneticPr fontId="6"/>
  </si>
  <si>
    <r>
      <t xml:space="preserve">*8) </t>
    </r>
    <r>
      <rPr>
        <sz val="10"/>
        <rFont val="SimHei"/>
        <family val="3"/>
      </rPr>
      <t>卤素物质以及邻苯二酸钾酯的分析数据仅在委托方要求时提交。分析数据请提交分析机构发行的检测结果报告书。</t>
    </r>
    <r>
      <rPr>
        <sz val="10"/>
        <rFont val="Arial"/>
        <family val="2"/>
      </rPr>
      <t xml:space="preserve">
     / Please submit an analysis report on halogen substances and phthalates, only when there is the request from the Sharp's department.
       And please ensure that it is the report on the result of examination issued by analytical organization.</t>
    </r>
    <phoneticPr fontId="6"/>
  </si>
  <si>
    <r>
      <t xml:space="preserve">3. </t>
    </r>
    <r>
      <rPr>
        <b/>
        <u/>
        <sz val="11"/>
        <rFont val="SimHei"/>
        <family val="3"/>
      </rPr>
      <t>关于邻苯二酸钾酯使用状况（工程管理）的确认事项</t>
    </r>
    <r>
      <rPr>
        <sz val="11"/>
        <rFont val="SimHei"/>
        <family val="3"/>
      </rPr>
      <t>　</t>
    </r>
    <r>
      <rPr>
        <sz val="11"/>
        <rFont val="Arial"/>
        <family val="2"/>
      </rPr>
      <t xml:space="preserve">/ Points to be checked on phthalate usage condition (process control) </t>
    </r>
    <phoneticPr fontId="57"/>
  </si>
  <si>
    <r>
      <t>6</t>
    </r>
    <r>
      <rPr>
        <sz val="11"/>
        <rFont val="SimHei"/>
        <family val="3"/>
      </rPr>
      <t>种邻苯二酸钾酯：（「</t>
    </r>
    <r>
      <rPr>
        <sz val="11"/>
        <rFont val="Arial"/>
        <family val="2"/>
      </rPr>
      <t>DEHP(DOP) CAS No.117-81-7</t>
    </r>
    <r>
      <rPr>
        <sz val="11"/>
        <rFont val="SimHei"/>
        <family val="3"/>
      </rPr>
      <t>」、「</t>
    </r>
    <r>
      <rPr>
        <sz val="11"/>
        <rFont val="Arial"/>
        <family val="2"/>
      </rPr>
      <t>DBP CAS No.84-74-2</t>
    </r>
    <r>
      <rPr>
        <sz val="11"/>
        <rFont val="SimHei"/>
        <family val="3"/>
      </rPr>
      <t>」、「</t>
    </r>
    <r>
      <rPr>
        <sz val="11"/>
        <rFont val="Arial"/>
        <family val="2"/>
      </rPr>
      <t>BBP CAS No.85-68-7</t>
    </r>
    <r>
      <rPr>
        <sz val="11"/>
        <rFont val="SimHei"/>
        <family val="3"/>
      </rPr>
      <t>」、「</t>
    </r>
    <r>
      <rPr>
        <sz val="11"/>
        <rFont val="Arial"/>
        <family val="2"/>
      </rPr>
      <t>DINP CAS No.28553-12-0</t>
    </r>
    <r>
      <rPr>
        <sz val="11"/>
        <rFont val="SimHei"/>
        <family val="3"/>
      </rPr>
      <t>、</t>
    </r>
    <r>
      <rPr>
        <sz val="11"/>
        <rFont val="Arial"/>
        <family val="2"/>
      </rPr>
      <t>68515-48-0</t>
    </r>
    <r>
      <rPr>
        <sz val="11"/>
        <rFont val="SimHei"/>
        <family val="3"/>
      </rPr>
      <t>」、「</t>
    </r>
    <r>
      <rPr>
        <sz val="11"/>
        <rFont val="Arial"/>
        <family val="2"/>
      </rPr>
      <t>DIDP CAS No.26761-40-0</t>
    </r>
    <r>
      <rPr>
        <sz val="11"/>
        <rFont val="SimHei"/>
        <family val="3"/>
      </rPr>
      <t>、</t>
    </r>
    <r>
      <rPr>
        <sz val="11"/>
        <rFont val="Arial"/>
        <family val="2"/>
      </rPr>
      <t>68515-49-1</t>
    </r>
    <r>
      <rPr>
        <sz val="11"/>
        <rFont val="SimHei"/>
        <family val="3"/>
      </rPr>
      <t>」、「</t>
    </r>
    <r>
      <rPr>
        <sz val="11"/>
        <rFont val="Arial"/>
        <family val="2"/>
      </rPr>
      <t>DNOP CAS No.117-84-0</t>
    </r>
    <r>
      <rPr>
        <sz val="11"/>
        <rFont val="SimHei"/>
        <family val="3"/>
      </rPr>
      <t>」／</t>
    </r>
    <r>
      <rPr>
        <sz val="11"/>
        <rFont val="Arial"/>
        <family val="2"/>
      </rPr>
      <t>6 phthalates: ( "DEHP(DOP) (CAS No.117-81-7)", "DBP(CAS No.84-74-2) ", "BBP (CAS No.85-68-7)","DINP(CAS No.28553-12-0/68515-48-0", "DIDP(CAS No.26761-40-0/68515-49-1" , "DNOP(CAS No.117-84-0)")   handled as raw materials.(including by-product material)</t>
    </r>
    <phoneticPr fontId="6"/>
  </si>
  <si>
    <r>
      <rPr>
        <sz val="11"/>
        <rFont val="SimHei"/>
        <family val="3"/>
      </rPr>
      <t>确认事项</t>
    </r>
    <r>
      <rPr>
        <sz val="11"/>
        <rFont val="Arial"/>
        <family val="2"/>
      </rPr>
      <t xml:space="preserve"> / Criteria</t>
    </r>
    <phoneticPr fontId="57"/>
  </si>
  <si>
    <r>
      <rPr>
        <sz val="11"/>
        <rFont val="SimHei"/>
        <family val="3"/>
      </rPr>
      <t>回答栏</t>
    </r>
    <r>
      <rPr>
        <sz val="11"/>
        <rFont val="Arial"/>
        <family val="2"/>
      </rPr>
      <t xml:space="preserve"> / Verified results</t>
    </r>
    <phoneticPr fontId="57"/>
  </si>
  <si>
    <r>
      <rPr>
        <b/>
        <sz val="11"/>
        <rFont val="SimHei"/>
        <family val="3"/>
      </rPr>
      <t>上记所示</t>
    </r>
    <r>
      <rPr>
        <b/>
        <sz val="11"/>
        <rFont val="Arial"/>
        <family val="2"/>
      </rPr>
      <t>6</t>
    </r>
    <r>
      <rPr>
        <b/>
        <sz val="11"/>
        <rFont val="SimHei"/>
        <family val="3"/>
      </rPr>
      <t>种邻苯二酸钾酯作为原料使用。（包含副产物）</t>
    </r>
    <r>
      <rPr>
        <sz val="11"/>
        <rFont val="Arial"/>
        <family val="2"/>
      </rPr>
      <t xml:space="preserve">
6 phthalates shown above  are handled as raw materials.(including by-product material)</t>
    </r>
    <phoneticPr fontId="57"/>
  </si>
  <si>
    <r>
      <rPr>
        <b/>
        <sz val="11"/>
        <rFont val="SimHei"/>
        <family val="3"/>
      </rPr>
      <t>（仅限【问题</t>
    </r>
    <r>
      <rPr>
        <b/>
        <sz val="11"/>
        <rFont val="Arial"/>
        <family val="2"/>
      </rPr>
      <t>1</t>
    </r>
    <r>
      <rPr>
        <b/>
        <sz val="11"/>
        <rFont val="SimHei"/>
        <family val="3"/>
      </rPr>
      <t>】回答为「</t>
    </r>
    <r>
      <rPr>
        <b/>
        <sz val="11"/>
        <rFont val="Arial"/>
        <family val="2"/>
      </rPr>
      <t>YES</t>
    </r>
    <r>
      <rPr>
        <b/>
        <sz val="11"/>
        <rFont val="SimHei"/>
        <family val="3"/>
      </rPr>
      <t>」时）
生产设备与交付至夏普的货品（或者计划交付的货品）的设备，共同（组合）使用。</t>
    </r>
    <r>
      <rPr>
        <sz val="11"/>
        <rFont val="Arial"/>
        <family val="2"/>
      </rPr>
      <t xml:space="preserve">
</t>
    </r>
    <r>
      <rPr>
        <sz val="9"/>
        <rFont val="Arial"/>
        <family val="2"/>
      </rPr>
      <t xml:space="preserve">(If the answer of "No.1" is "YES")
The production facility where the above phthalates are handled is used as the facility for products to be supplied to Sharp. </t>
    </r>
    <phoneticPr fontId="57"/>
  </si>
  <si>
    <r>
      <rPr>
        <b/>
        <sz val="11"/>
        <rFont val="SimHei"/>
        <family val="3"/>
      </rPr>
      <t>【问题</t>
    </r>
    <r>
      <rPr>
        <b/>
        <sz val="11"/>
        <rFont val="Arial"/>
        <family val="2"/>
      </rPr>
      <t>2</t>
    </r>
    <r>
      <rPr>
        <b/>
        <sz val="11"/>
        <rFont val="SimHei"/>
        <family val="3"/>
      </rPr>
      <t>】回答为「</t>
    </r>
    <r>
      <rPr>
        <b/>
        <sz val="11"/>
        <rFont val="Arial"/>
        <family val="2"/>
      </rPr>
      <t>YES</t>
    </r>
    <r>
      <rPr>
        <b/>
        <sz val="11"/>
        <rFont val="SimHei"/>
        <family val="3"/>
      </rPr>
      <t>」时，
关于针对交付至夏普的货品（计划交付的货品）防止混入邻苯二钾酸酯的方法，另作附件回答。
　　</t>
    </r>
    <r>
      <rPr>
        <b/>
        <sz val="11"/>
        <rFont val="MS UI Gothic"/>
        <family val="3"/>
        <charset val="128"/>
      </rPr>
      <t>・</t>
    </r>
    <r>
      <rPr>
        <b/>
        <sz val="11"/>
        <rFont val="SimHei"/>
        <family val="3"/>
      </rPr>
      <t>设备的清洁步骤，验证方法等。
　　</t>
    </r>
    <r>
      <rPr>
        <b/>
        <sz val="11"/>
        <rFont val="MS UI Gothic"/>
        <family val="3"/>
        <charset val="128"/>
      </rPr>
      <t>・</t>
    </r>
    <r>
      <rPr>
        <b/>
        <sz val="11"/>
        <rFont val="SimHei"/>
        <family val="3"/>
      </rPr>
      <t>批量保证的验证方法等。</t>
    </r>
    <r>
      <rPr>
        <sz val="11"/>
        <rFont val="Arial"/>
        <family val="2"/>
      </rPr>
      <t xml:space="preserve">
</t>
    </r>
    <r>
      <rPr>
        <sz val="9"/>
        <rFont val="Arial"/>
        <family val="2"/>
      </rPr>
      <t xml:space="preserve">(If the answer of "No.2" is "YES")
Regarding the method for preventing the phthalates from being contained in products to be supplied to Sharp, reply it on a separate sheet
</t>
    </r>
    <r>
      <rPr>
        <sz val="9"/>
        <rFont val="SimHei"/>
        <family val="3"/>
      </rPr>
      <t>　　</t>
    </r>
    <r>
      <rPr>
        <sz val="9"/>
        <rFont val="Arial"/>
        <family val="2"/>
      </rPr>
      <t xml:space="preserve">-Procedures for cleaning facilities, etc.
</t>
    </r>
    <r>
      <rPr>
        <sz val="9"/>
        <rFont val="SimHei"/>
        <family val="3"/>
      </rPr>
      <t>　　</t>
    </r>
    <r>
      <rPr>
        <sz val="9"/>
        <rFont val="Arial"/>
        <family val="2"/>
      </rPr>
      <t>-Methods for examination of lot guarantees, etc.</t>
    </r>
    <phoneticPr fontId="57"/>
  </si>
  <si>
    <r>
      <rPr>
        <sz val="11"/>
        <rFont val="SimHei"/>
        <family val="3"/>
      </rPr>
      <t>另作附件回答</t>
    </r>
    <phoneticPr fontId="57"/>
  </si>
  <si>
    <r>
      <t xml:space="preserve">4. </t>
    </r>
    <r>
      <rPr>
        <b/>
        <u/>
        <sz val="11"/>
        <rFont val="SimHei"/>
        <family val="3"/>
      </rPr>
      <t>关於管理物质的确认事项</t>
    </r>
    <r>
      <rPr>
        <sz val="11"/>
        <rFont val="SimHei"/>
        <family val="3"/>
      </rPr>
      <t>　</t>
    </r>
    <r>
      <rPr>
        <sz val="11"/>
        <rFont val="Arial"/>
        <family val="2"/>
      </rPr>
      <t>/ Points to be checked on  managed substances</t>
    </r>
    <phoneticPr fontId="57"/>
  </si>
  <si>
    <r>
      <rPr>
        <sz val="11"/>
        <rFont val="SimHei"/>
        <family val="3"/>
      </rPr>
      <t>确认结果如果没有达到标准时、会在</t>
    </r>
    <r>
      <rPr>
        <sz val="11"/>
        <rFont val="Arial"/>
        <family val="2"/>
      </rPr>
      <t>chemSHERPA</t>
    </r>
    <r>
      <rPr>
        <sz val="11"/>
        <rFont val="SimHei"/>
        <family val="3"/>
      </rPr>
      <t>里公开含有信息。</t>
    </r>
    <r>
      <rPr>
        <sz val="11"/>
        <rFont val="Arial"/>
        <family val="2"/>
      </rPr>
      <t>/ If the check result does not meet the criteria, we disclose content information in chemSHERPA..</t>
    </r>
    <phoneticPr fontId="6"/>
  </si>
  <si>
    <r>
      <rPr>
        <sz val="11"/>
        <rFont val="SimHei"/>
        <family val="3"/>
      </rPr>
      <t>确认结果</t>
    </r>
    <r>
      <rPr>
        <sz val="11"/>
        <rFont val="Arial"/>
        <family val="2"/>
      </rPr>
      <t xml:space="preserve"> / Result</t>
    </r>
    <phoneticPr fontId="57"/>
  </si>
  <si>
    <r>
      <rPr>
        <sz val="10"/>
        <rFont val="SimHei"/>
        <family val="3"/>
      </rPr>
      <t>※二苯基甲酮</t>
    </r>
    <r>
      <rPr>
        <sz val="10"/>
        <rFont val="Arial"/>
        <family val="2"/>
      </rPr>
      <t xml:space="preserve">
Benzophenone</t>
    </r>
    <phoneticPr fontId="6"/>
  </si>
  <si>
    <r>
      <rPr>
        <sz val="11"/>
        <rFont val="SimHei"/>
        <family val="3"/>
      </rPr>
      <t>※铬及铬化合物（六价铬化合物除外</t>
    </r>
    <r>
      <rPr>
        <sz val="11"/>
        <rFont val="Arial"/>
        <family val="2"/>
      </rPr>
      <t xml:space="preserve">)
</t>
    </r>
    <r>
      <rPr>
        <sz val="9"/>
        <rFont val="Arial"/>
        <family val="2"/>
      </rPr>
      <t>Chromium and its Compounds excluding hexavalent chromium</t>
    </r>
    <phoneticPr fontId="6"/>
  </si>
  <si>
    <r>
      <rPr>
        <sz val="10"/>
        <rFont val="SimHei"/>
        <family val="3"/>
      </rPr>
      <t>※</t>
    </r>
    <r>
      <rPr>
        <sz val="10"/>
        <rFont val="Arial"/>
        <family val="2"/>
      </rPr>
      <t>2,4-</t>
    </r>
    <r>
      <rPr>
        <sz val="10"/>
        <rFont val="SimHei"/>
        <family val="3"/>
      </rPr>
      <t>二氯酚靛酚</t>
    </r>
    <r>
      <rPr>
        <sz val="10"/>
        <rFont val="Arial"/>
        <family val="2"/>
      </rPr>
      <t xml:space="preserve">
2,4-Dichlorophenol</t>
    </r>
    <phoneticPr fontId="6"/>
  </si>
  <si>
    <r>
      <rPr>
        <sz val="10"/>
        <rFont val="SimHei"/>
        <family val="3"/>
      </rPr>
      <t>※乙苯</t>
    </r>
    <r>
      <rPr>
        <sz val="10"/>
        <rFont val="Arial"/>
        <family val="2"/>
      </rPr>
      <t xml:space="preserve">
Ethylbenzene</t>
    </r>
    <phoneticPr fontId="6"/>
  </si>
  <si>
    <r>
      <rPr>
        <sz val="10"/>
        <rFont val="SimHei"/>
        <family val="3"/>
      </rPr>
      <t>※异氰酸酯</t>
    </r>
    <r>
      <rPr>
        <sz val="10"/>
        <rFont val="Arial"/>
        <family val="2"/>
      </rPr>
      <t xml:space="preserve">
Isocyanate</t>
    </r>
    <phoneticPr fontId="6"/>
  </si>
  <si>
    <r>
      <rPr>
        <sz val="10"/>
        <rFont val="SimHei"/>
        <family val="3"/>
      </rPr>
      <t>※八氯苯乙烯</t>
    </r>
    <r>
      <rPr>
        <sz val="10"/>
        <rFont val="Arial"/>
        <family val="2"/>
      </rPr>
      <t xml:space="preserve">
Octachlorostyrene</t>
    </r>
    <phoneticPr fontId="6"/>
  </si>
  <si>
    <r>
      <rPr>
        <sz val="10"/>
        <rFont val="SimHei"/>
        <family val="3"/>
      </rPr>
      <t>※磷类阻燃剂（红磷除外）</t>
    </r>
    <r>
      <rPr>
        <sz val="10"/>
        <rFont val="Arial"/>
        <family val="2"/>
      </rPr>
      <t xml:space="preserve">
Phosphorus flame retardant excluding red phosphorus</t>
    </r>
    <phoneticPr fontId="6"/>
  </si>
  <si>
    <r>
      <rPr>
        <sz val="10"/>
        <rFont val="SimHei"/>
        <family val="3"/>
      </rPr>
      <t>※锑及其化合物（三氧化锑除外）</t>
    </r>
    <r>
      <rPr>
        <sz val="10"/>
        <rFont val="Arial"/>
        <family val="2"/>
      </rPr>
      <t xml:space="preserve">
</t>
    </r>
    <r>
      <rPr>
        <sz val="9"/>
        <rFont val="Arial"/>
        <family val="2"/>
      </rPr>
      <t>Antimony and its compounds excluding antimony trioxide(Sb2O3)</t>
    </r>
    <phoneticPr fontId="6"/>
  </si>
  <si>
    <r>
      <rPr>
        <sz val="8"/>
        <rFont val="SimHei"/>
        <family val="3"/>
      </rPr>
      <t>含有</t>
    </r>
    <r>
      <rPr>
        <sz val="8"/>
        <rFont val="Arial"/>
        <family val="2"/>
      </rPr>
      <t>(Present)</t>
    </r>
    <r>
      <rPr>
        <sz val="8"/>
        <rFont val="SimHei"/>
        <family val="3"/>
      </rPr>
      <t>／非含有</t>
    </r>
    <r>
      <rPr>
        <sz val="8"/>
        <rFont val="Arial"/>
        <family val="2"/>
      </rPr>
      <t>(Not present</t>
    </r>
    <r>
      <rPr>
        <sz val="8"/>
        <rFont val="SimHei"/>
        <family val="3"/>
      </rPr>
      <t>）</t>
    </r>
    <phoneticPr fontId="6"/>
  </si>
  <si>
    <r>
      <rPr>
        <sz val="11"/>
        <rFont val="SimHei"/>
        <family val="3"/>
      </rPr>
      <t>负责人：</t>
    </r>
    <phoneticPr fontId="6"/>
  </si>
  <si>
    <r>
      <rPr>
        <sz val="11"/>
        <rFont val="SimHei"/>
        <family val="3"/>
      </rPr>
      <t>制作人：</t>
    </r>
    <phoneticPr fontId="6"/>
  </si>
  <si>
    <r>
      <rPr>
        <sz val="10"/>
        <rFont val="SimHei"/>
        <family val="3"/>
      </rPr>
      <t>请签名，或盖姓名章</t>
    </r>
    <phoneticPr fontId="6"/>
  </si>
  <si>
    <r>
      <rPr>
        <b/>
        <sz val="11"/>
        <rFont val="SimHei"/>
        <family val="3"/>
      </rPr>
      <t>另表</t>
    </r>
    <r>
      <rPr>
        <b/>
        <sz val="11"/>
        <rFont val="Arial"/>
        <family val="2"/>
      </rPr>
      <t>A/Appendix A</t>
    </r>
    <phoneticPr fontId="6"/>
  </si>
  <si>
    <r>
      <rPr>
        <sz val="11"/>
        <rFont val="SimHei"/>
        <family val="3"/>
      </rPr>
      <t>物質群</t>
    </r>
    <r>
      <rPr>
        <sz val="11"/>
        <rFont val="Arial"/>
        <family val="2"/>
      </rPr>
      <t>/ Group</t>
    </r>
    <phoneticPr fontId="6"/>
  </si>
  <si>
    <r>
      <rPr>
        <sz val="11"/>
        <rFont val="SimHei"/>
        <family val="3"/>
      </rPr>
      <t>英語名</t>
    </r>
    <r>
      <rPr>
        <sz val="11"/>
        <rFont val="Arial"/>
        <family val="2"/>
      </rPr>
      <t>/ Substnace</t>
    </r>
    <phoneticPr fontId="6"/>
  </si>
  <si>
    <r>
      <t>CAS</t>
    </r>
    <r>
      <rPr>
        <sz val="11"/>
        <rFont val="SimHei"/>
        <family val="3"/>
      </rPr>
      <t>番号</t>
    </r>
    <r>
      <rPr>
        <sz val="11"/>
        <rFont val="Arial"/>
        <family val="2"/>
      </rPr>
      <t>/ CAS No.</t>
    </r>
    <phoneticPr fontId="6"/>
  </si>
  <si>
    <r>
      <t>2-</t>
    </r>
    <r>
      <rPr>
        <sz val="11"/>
        <rFont val="SimHei"/>
        <family val="3"/>
      </rPr>
      <t>萘胺及其盐类</t>
    </r>
    <r>
      <rPr>
        <sz val="11"/>
        <rFont val="Arial"/>
        <family val="2"/>
      </rPr>
      <t xml:space="preserve">
Salts of 2-naphthylamine</t>
    </r>
    <phoneticPr fontId="6"/>
  </si>
  <si>
    <r>
      <t>4-</t>
    </r>
    <r>
      <rPr>
        <sz val="11"/>
        <rFont val="SimHei"/>
        <family val="3"/>
      </rPr>
      <t>氨基联苯及其盐类</t>
    </r>
    <r>
      <rPr>
        <sz val="11"/>
        <rFont val="Arial"/>
        <family val="2"/>
      </rPr>
      <t xml:space="preserve">
4-aminobiphenyl and its salts</t>
    </r>
    <phoneticPr fontId="6"/>
  </si>
  <si>
    <r>
      <t>4-</t>
    </r>
    <r>
      <rPr>
        <sz val="11"/>
        <rFont val="SimHei"/>
        <family val="3"/>
      </rPr>
      <t>硝基联苯及其盐类</t>
    </r>
    <r>
      <rPr>
        <sz val="11"/>
        <rFont val="Arial"/>
        <family val="2"/>
      </rPr>
      <t xml:space="preserve">
4-nitrobiphenyl and its salts</t>
    </r>
    <phoneticPr fontId="6"/>
  </si>
  <si>
    <r>
      <rPr>
        <sz val="11"/>
        <rFont val="SimHei"/>
        <family val="3"/>
      </rPr>
      <t>偶氮苯</t>
    </r>
    <r>
      <rPr>
        <sz val="11"/>
        <rFont val="Arial"/>
        <family val="2"/>
      </rPr>
      <t>/ Azobenzene</t>
    </r>
    <phoneticPr fontId="6"/>
  </si>
  <si>
    <r>
      <rPr>
        <sz val="11"/>
        <rFont val="SimHei"/>
        <family val="3"/>
      </rPr>
      <t>苯胺及其盐类</t>
    </r>
    <r>
      <rPr>
        <sz val="11"/>
        <rFont val="Arial"/>
        <family val="2"/>
      </rPr>
      <t>/ Aniline and its salts</t>
    </r>
    <phoneticPr fontId="6"/>
  </si>
  <si>
    <r>
      <rPr>
        <sz val="11"/>
        <rFont val="SimHei"/>
        <family val="3"/>
      </rPr>
      <t>烷烃类</t>
    </r>
    <r>
      <rPr>
        <sz val="11"/>
        <rFont val="Arial"/>
        <family val="2"/>
      </rPr>
      <t>/ Alkanes</t>
    </r>
    <phoneticPr fontId="6"/>
  </si>
  <si>
    <r>
      <rPr>
        <sz val="11"/>
        <rFont val="SimHei"/>
        <family val="3"/>
      </rPr>
      <t>异氰酸酯</t>
    </r>
    <r>
      <rPr>
        <sz val="11"/>
        <rFont val="Arial"/>
        <family val="2"/>
      </rPr>
      <t>/ Isocyanates</t>
    </r>
    <phoneticPr fontId="6"/>
  </si>
  <si>
    <r>
      <rPr>
        <sz val="11"/>
        <rFont val="SimHei"/>
        <family val="3"/>
      </rPr>
      <t>异丁烷</t>
    </r>
    <r>
      <rPr>
        <sz val="11"/>
        <rFont val="Arial"/>
        <family val="2"/>
      </rPr>
      <t>/ Isobutane</t>
    </r>
    <phoneticPr fontId="6"/>
  </si>
  <si>
    <r>
      <rPr>
        <sz val="11"/>
        <rFont val="SimHei"/>
        <family val="3"/>
      </rPr>
      <t>乙醇</t>
    </r>
    <r>
      <rPr>
        <sz val="11"/>
        <rFont val="Arial"/>
        <family val="2"/>
      </rPr>
      <t>/ Ethanols</t>
    </r>
    <phoneticPr fontId="6"/>
  </si>
  <si>
    <r>
      <rPr>
        <sz val="11"/>
        <rFont val="SimHei"/>
        <family val="3"/>
      </rPr>
      <t>氯乙烷</t>
    </r>
    <r>
      <rPr>
        <sz val="11"/>
        <rFont val="Arial"/>
        <family val="2"/>
      </rPr>
      <t>/ Chloroethanes</t>
    </r>
    <phoneticPr fontId="6"/>
  </si>
  <si>
    <r>
      <rPr>
        <sz val="11"/>
        <rFont val="SimHei"/>
        <family val="3"/>
      </rPr>
      <t>氯乙烯</t>
    </r>
    <r>
      <rPr>
        <sz val="11"/>
        <rFont val="Arial"/>
        <family val="2"/>
      </rPr>
      <t>/ Chloroethylenes</t>
    </r>
    <phoneticPr fontId="6"/>
  </si>
  <si>
    <r>
      <rPr>
        <sz val="11"/>
        <rFont val="SimHei"/>
        <family val="3"/>
      </rPr>
      <t>二氯甲苯</t>
    </r>
    <r>
      <rPr>
        <sz val="11"/>
        <rFont val="Arial"/>
        <family val="2"/>
      </rPr>
      <t>/ Chlorotoluenes</t>
    </r>
    <phoneticPr fontId="6"/>
  </si>
  <si>
    <r>
      <rPr>
        <sz val="11"/>
        <rFont val="SimHei"/>
        <family val="3"/>
      </rPr>
      <t>三氯甲烷</t>
    </r>
    <r>
      <rPr>
        <sz val="11"/>
        <rFont val="Arial"/>
        <family val="2"/>
      </rPr>
      <t>/ Chloroform</t>
    </r>
    <phoneticPr fontId="6"/>
  </si>
  <si>
    <r>
      <rPr>
        <sz val="11"/>
        <rFont val="SimHei"/>
        <family val="3"/>
      </rPr>
      <t>二氯六氟苯酚</t>
    </r>
    <r>
      <rPr>
        <sz val="11"/>
        <rFont val="Arial"/>
        <family val="2"/>
      </rPr>
      <t>/ Chlorofluorophenol</t>
    </r>
    <phoneticPr fontId="6"/>
  </si>
  <si>
    <r>
      <rPr>
        <sz val="11"/>
        <rFont val="SimHei"/>
        <family val="3"/>
      </rPr>
      <t>氯丙醇</t>
    </r>
    <r>
      <rPr>
        <sz val="11"/>
        <rFont val="Arial"/>
        <family val="2"/>
      </rPr>
      <t>/ Chloropropanol</t>
    </r>
    <phoneticPr fontId="6"/>
  </si>
  <si>
    <r>
      <rPr>
        <sz val="11"/>
        <rFont val="SimHei"/>
        <family val="3"/>
      </rPr>
      <t>氯丙烷</t>
    </r>
    <r>
      <rPr>
        <sz val="11"/>
        <rFont val="Arial"/>
        <family val="2"/>
      </rPr>
      <t>/ Chloropropane</t>
    </r>
    <phoneticPr fontId="6"/>
  </si>
  <si>
    <r>
      <rPr>
        <sz val="11"/>
        <rFont val="SimHei"/>
        <family val="3"/>
      </rPr>
      <t>氯苯</t>
    </r>
    <r>
      <rPr>
        <sz val="11"/>
        <rFont val="Arial"/>
        <family val="2"/>
      </rPr>
      <t>/ Chlorobenzenes</t>
    </r>
    <phoneticPr fontId="6"/>
  </si>
  <si>
    <r>
      <rPr>
        <sz val="11"/>
        <rFont val="SimHei"/>
        <family val="3"/>
      </rPr>
      <t>氯甲醚</t>
    </r>
    <r>
      <rPr>
        <sz val="11"/>
        <rFont val="Arial"/>
        <family val="2"/>
      </rPr>
      <t>/ Chloromethylmethlether</t>
    </r>
    <phoneticPr fontId="6"/>
  </si>
  <si>
    <r>
      <rPr>
        <sz val="11"/>
        <rFont val="SimHei"/>
        <family val="3"/>
      </rPr>
      <t>二氯甲烷</t>
    </r>
    <r>
      <rPr>
        <sz val="11"/>
        <rFont val="Arial"/>
        <family val="2"/>
      </rPr>
      <t>/ Dichloromethane</t>
    </r>
    <phoneticPr fontId="6"/>
  </si>
  <si>
    <r>
      <rPr>
        <sz val="11"/>
        <rFont val="SimHei"/>
        <family val="3"/>
      </rPr>
      <t>二溴乙烯</t>
    </r>
    <r>
      <rPr>
        <sz val="11"/>
        <rFont val="Arial"/>
        <family val="2"/>
      </rPr>
      <t>/ Bromoethylene</t>
    </r>
    <phoneticPr fontId="6"/>
  </si>
  <si>
    <r>
      <rPr>
        <sz val="11"/>
        <rFont val="SimHei"/>
        <family val="3"/>
      </rPr>
      <t>溴化丙烷</t>
    </r>
    <r>
      <rPr>
        <sz val="11"/>
        <rFont val="Arial"/>
        <family val="2"/>
      </rPr>
      <t>/ Bromopropane</t>
    </r>
    <phoneticPr fontId="6"/>
  </si>
  <si>
    <r>
      <rPr>
        <sz val="11"/>
        <rFont val="SimHei"/>
        <family val="3"/>
      </rPr>
      <t>四氯乙烷</t>
    </r>
    <r>
      <rPr>
        <sz val="11"/>
        <rFont val="Arial"/>
        <family val="2"/>
      </rPr>
      <t>/ Tetrachloroethane</t>
    </r>
    <phoneticPr fontId="6"/>
  </si>
  <si>
    <r>
      <rPr>
        <sz val="11"/>
        <rFont val="SimHei"/>
        <family val="3"/>
      </rPr>
      <t>甲苯</t>
    </r>
    <r>
      <rPr>
        <sz val="11"/>
        <rFont val="Arial"/>
        <family val="2"/>
      </rPr>
      <t>/ Toluene</t>
    </r>
    <phoneticPr fontId="6"/>
  </si>
  <si>
    <r>
      <rPr>
        <sz val="11"/>
        <rFont val="SimHei"/>
        <family val="3"/>
      </rPr>
      <t>亚硝胺</t>
    </r>
    <r>
      <rPr>
        <sz val="11"/>
        <rFont val="Arial"/>
        <family val="2"/>
      </rPr>
      <t>/ Nitrosoamine</t>
    </r>
    <phoneticPr fontId="6"/>
  </si>
  <si>
    <r>
      <rPr>
        <sz val="11"/>
        <rFont val="SimHei"/>
        <family val="3"/>
      </rPr>
      <t>硝基甲苯</t>
    </r>
    <r>
      <rPr>
        <sz val="11"/>
        <rFont val="Arial"/>
        <family val="2"/>
      </rPr>
      <t>/ Nitrotoluenes</t>
    </r>
    <phoneticPr fontId="6"/>
  </si>
  <si>
    <r>
      <rPr>
        <sz val="11"/>
        <rFont val="SimHei"/>
        <family val="3"/>
      </rPr>
      <t>三氯苯基</t>
    </r>
    <r>
      <rPr>
        <sz val="11"/>
        <rFont val="Arial"/>
        <family val="2"/>
      </rPr>
      <t>/ Nitrophenylether</t>
    </r>
    <phoneticPr fontId="6"/>
  </si>
  <si>
    <r>
      <rPr>
        <sz val="11"/>
        <rFont val="SimHei"/>
        <family val="3"/>
      </rPr>
      <t>双</t>
    </r>
    <r>
      <rPr>
        <sz val="11"/>
        <rFont val="Arial"/>
        <family val="2"/>
      </rPr>
      <t>(</t>
    </r>
    <r>
      <rPr>
        <sz val="11"/>
        <rFont val="SimHei"/>
        <family val="3"/>
      </rPr>
      <t>氯甲基</t>
    </r>
    <r>
      <rPr>
        <sz val="11"/>
        <rFont val="Arial"/>
        <family val="2"/>
      </rPr>
      <t xml:space="preserve">) </t>
    </r>
    <r>
      <rPr>
        <sz val="11"/>
        <rFont val="SimHei"/>
        <family val="3"/>
      </rPr>
      <t>醚</t>
    </r>
    <r>
      <rPr>
        <sz val="11"/>
        <rFont val="Arial"/>
        <family val="2"/>
      </rPr>
      <t>/ Bis(chloromethyl)ether</t>
    </r>
    <phoneticPr fontId="6"/>
  </si>
  <si>
    <r>
      <rPr>
        <sz val="11"/>
        <rFont val="SimHei"/>
        <family val="3"/>
      </rPr>
      <t>联氨</t>
    </r>
    <r>
      <rPr>
        <sz val="11"/>
        <rFont val="Arial"/>
        <family val="2"/>
      </rPr>
      <t>/ Hydrazines</t>
    </r>
    <phoneticPr fontId="6"/>
  </si>
  <si>
    <r>
      <rPr>
        <sz val="11"/>
        <rFont val="SimHei"/>
        <family val="3"/>
      </rPr>
      <t>吡咯烷酮</t>
    </r>
    <r>
      <rPr>
        <sz val="11"/>
        <rFont val="Arial"/>
        <family val="2"/>
      </rPr>
      <t>/ Pyrrolidone</t>
    </r>
    <phoneticPr fontId="6"/>
  </si>
  <si>
    <r>
      <rPr>
        <sz val="11"/>
        <rFont val="SimHei"/>
        <family val="3"/>
      </rPr>
      <t>苯酚</t>
    </r>
    <r>
      <rPr>
        <sz val="11"/>
        <rFont val="Arial"/>
        <family val="2"/>
      </rPr>
      <t>/ Phenols</t>
    </r>
    <phoneticPr fontId="6"/>
  </si>
  <si>
    <r>
      <rPr>
        <sz val="11"/>
        <rFont val="SimHei"/>
        <family val="3"/>
      </rPr>
      <t>甲酰胺</t>
    </r>
    <r>
      <rPr>
        <sz val="11"/>
        <rFont val="Arial"/>
        <family val="2"/>
      </rPr>
      <t>/ Formamide</t>
    </r>
    <phoneticPr fontId="6"/>
  </si>
  <si>
    <r>
      <rPr>
        <sz val="11"/>
        <rFont val="SimHei"/>
        <family val="3"/>
      </rPr>
      <t>丁二烯</t>
    </r>
    <r>
      <rPr>
        <sz val="11"/>
        <rFont val="Arial"/>
        <family val="2"/>
      </rPr>
      <t>/ Butadiene</t>
    </r>
    <phoneticPr fontId="6"/>
  </si>
  <si>
    <r>
      <rPr>
        <sz val="11"/>
        <rFont val="SimHei"/>
        <family val="3"/>
      </rPr>
      <t>邻苯二甲酸酯</t>
    </r>
    <r>
      <rPr>
        <sz val="11"/>
        <rFont val="Arial"/>
        <family val="2"/>
      </rPr>
      <t>/ Phthalate</t>
    </r>
    <phoneticPr fontId="6"/>
  </si>
  <si>
    <r>
      <rPr>
        <sz val="11"/>
        <rFont val="SimHei"/>
        <family val="3"/>
      </rPr>
      <t>丁烷</t>
    </r>
    <r>
      <rPr>
        <sz val="11"/>
        <rFont val="Arial"/>
        <family val="2"/>
      </rPr>
      <t>/ Butane</t>
    </r>
    <phoneticPr fontId="6"/>
  </si>
  <si>
    <r>
      <rPr>
        <sz val="11"/>
        <rFont val="SimHei"/>
        <family val="3"/>
      </rPr>
      <t>丙醇</t>
    </r>
    <r>
      <rPr>
        <sz val="11"/>
        <rFont val="Arial"/>
        <family val="2"/>
      </rPr>
      <t>/Propanols</t>
    </r>
    <phoneticPr fontId="6"/>
  </si>
  <si>
    <r>
      <rPr>
        <sz val="11"/>
        <rFont val="SimHei"/>
        <family val="3"/>
      </rPr>
      <t>丙烷</t>
    </r>
    <r>
      <rPr>
        <sz val="11"/>
        <rFont val="Arial"/>
        <family val="2"/>
      </rPr>
      <t>/ Propane</t>
    </r>
    <phoneticPr fontId="6"/>
  </si>
  <si>
    <r>
      <rPr>
        <sz val="11"/>
        <rFont val="SimHei"/>
        <family val="3"/>
      </rPr>
      <t>溴乙烷</t>
    </r>
    <r>
      <rPr>
        <sz val="11"/>
        <rFont val="Arial"/>
        <family val="2"/>
      </rPr>
      <t>/Bromoethane</t>
    </r>
    <phoneticPr fontId="6"/>
  </si>
  <si>
    <r>
      <rPr>
        <sz val="11"/>
        <rFont val="SimHei"/>
        <family val="3"/>
      </rPr>
      <t>联苯胺的盐类或诱导体</t>
    </r>
    <r>
      <rPr>
        <sz val="11"/>
        <rFont val="Arial"/>
        <family val="2"/>
      </rPr>
      <t>/ Benzidine and its salts or its derivatives</t>
    </r>
    <phoneticPr fontId="6"/>
  </si>
  <si>
    <r>
      <rPr>
        <sz val="11"/>
        <rFont val="SimHei"/>
        <family val="3"/>
      </rPr>
      <t>苯</t>
    </r>
    <r>
      <rPr>
        <sz val="11"/>
        <rFont val="Arial"/>
        <family val="2"/>
      </rPr>
      <t>/ Benzene</t>
    </r>
    <phoneticPr fontId="6"/>
  </si>
  <si>
    <r>
      <rPr>
        <sz val="11"/>
        <rFont val="SimHei"/>
        <family val="3"/>
      </rPr>
      <t>五氯酚</t>
    </r>
    <r>
      <rPr>
        <sz val="11"/>
        <rFont val="Arial"/>
        <family val="2"/>
      </rPr>
      <t>(PCP)</t>
    </r>
    <r>
      <rPr>
        <sz val="11"/>
        <rFont val="SimHei"/>
        <family val="3"/>
      </rPr>
      <t>及其盐类</t>
    </r>
    <r>
      <rPr>
        <sz val="11"/>
        <rFont val="Arial"/>
        <family val="2"/>
      </rPr>
      <t>/ Chloropnenol</t>
    </r>
    <phoneticPr fontId="6"/>
  </si>
  <si>
    <r>
      <rPr>
        <sz val="11"/>
        <rFont val="SimHei"/>
        <family val="3"/>
      </rPr>
      <t>凡士林</t>
    </r>
    <r>
      <rPr>
        <sz val="11"/>
        <rFont val="Arial"/>
        <family val="2"/>
      </rPr>
      <t>/ Petrolatum</t>
    </r>
    <phoneticPr fontId="6"/>
  </si>
  <si>
    <r>
      <rPr>
        <sz val="11"/>
        <rFont val="SimHei"/>
        <family val="3"/>
      </rPr>
      <t>亚硝酸化合物</t>
    </r>
    <r>
      <rPr>
        <sz val="11"/>
        <rFont val="Arial"/>
        <family val="2"/>
      </rPr>
      <t>/ Nitrite</t>
    </r>
    <phoneticPr fontId="6"/>
  </si>
  <si>
    <r>
      <rPr>
        <sz val="11"/>
        <rFont val="SimHei"/>
        <family val="3"/>
      </rPr>
      <t>耐火陶瓷纤维</t>
    </r>
    <r>
      <rPr>
        <sz val="11"/>
        <rFont val="Arial"/>
        <family val="2"/>
      </rPr>
      <t>/ Refractory Ceramic Fibres</t>
    </r>
    <phoneticPr fontId="6"/>
  </si>
  <si>
    <r>
      <rPr>
        <sz val="11"/>
        <rFont val="SimHei"/>
        <family val="3"/>
      </rPr>
      <t>用在豁免对象零件中／</t>
    </r>
    <phoneticPr fontId="6"/>
  </si>
  <si>
    <r>
      <t xml:space="preserve">(b) </t>
    </r>
    <r>
      <rPr>
        <sz val="11"/>
        <rFont val="SimHei"/>
        <family val="3"/>
      </rPr>
      <t>用于陶瓷／</t>
    </r>
    <r>
      <rPr>
        <sz val="9"/>
        <rFont val="Arial"/>
        <family val="2"/>
      </rPr>
      <t>Ceramics</t>
    </r>
    <phoneticPr fontId="6"/>
  </si>
  <si>
    <r>
      <t xml:space="preserve">(c) </t>
    </r>
    <r>
      <rPr>
        <sz val="11"/>
        <rFont val="SimHei"/>
        <family val="3"/>
      </rPr>
      <t>用于玻璃／</t>
    </r>
    <r>
      <rPr>
        <sz val="9"/>
        <rFont val="Arial"/>
        <family val="2"/>
      </rPr>
      <t>Glass</t>
    </r>
    <phoneticPr fontId="6"/>
  </si>
  <si>
    <r>
      <t xml:space="preserve">*4) </t>
    </r>
    <r>
      <rPr>
        <sz val="9"/>
        <rFont val="SimHei"/>
        <family val="3"/>
      </rPr>
      <t>范围包括以下</t>
    </r>
    <r>
      <rPr>
        <sz val="9"/>
        <rFont val="Arial"/>
        <family val="2"/>
      </rPr>
      <t>CAS No.</t>
    </r>
    <r>
      <rPr>
        <sz val="9"/>
        <rFont val="SimHei"/>
        <family val="3"/>
      </rPr>
      <t>为对象。（</t>
    </r>
    <r>
      <rPr>
        <sz val="9"/>
        <rFont val="Arial"/>
        <family val="2"/>
      </rPr>
      <t>50-32-8</t>
    </r>
    <r>
      <rPr>
        <sz val="9"/>
        <rFont val="SimHei"/>
        <family val="3"/>
      </rPr>
      <t>、</t>
    </r>
    <r>
      <rPr>
        <sz val="9"/>
        <rFont val="Arial"/>
        <family val="2"/>
      </rPr>
      <t>192-97-2</t>
    </r>
    <r>
      <rPr>
        <sz val="9"/>
        <rFont val="SimHei"/>
        <family val="3"/>
      </rPr>
      <t>、</t>
    </r>
    <r>
      <rPr>
        <sz val="9"/>
        <rFont val="Arial"/>
        <family val="2"/>
      </rPr>
      <t>56-55-3</t>
    </r>
    <r>
      <rPr>
        <sz val="9"/>
        <rFont val="SimHei"/>
        <family val="3"/>
      </rPr>
      <t>、</t>
    </r>
    <r>
      <rPr>
        <sz val="9"/>
        <rFont val="Arial"/>
        <family val="2"/>
      </rPr>
      <t>218-01-9</t>
    </r>
    <r>
      <rPr>
        <sz val="9"/>
        <rFont val="SimHei"/>
        <family val="3"/>
      </rPr>
      <t>、</t>
    </r>
    <r>
      <rPr>
        <sz val="9"/>
        <rFont val="Arial"/>
        <family val="2"/>
      </rPr>
      <t>205-99-2</t>
    </r>
    <r>
      <rPr>
        <sz val="9"/>
        <rFont val="SimHei"/>
        <family val="3"/>
      </rPr>
      <t>、</t>
    </r>
    <r>
      <rPr>
        <sz val="9"/>
        <rFont val="Arial"/>
        <family val="2"/>
      </rPr>
      <t>205-82-3</t>
    </r>
    <r>
      <rPr>
        <sz val="9"/>
        <rFont val="SimHei"/>
        <family val="3"/>
      </rPr>
      <t>、</t>
    </r>
    <r>
      <rPr>
        <sz val="9"/>
        <rFont val="Arial"/>
        <family val="2"/>
      </rPr>
      <t>207-08-9</t>
    </r>
    <r>
      <rPr>
        <sz val="9"/>
        <rFont val="SimHei"/>
        <family val="3"/>
      </rPr>
      <t>、</t>
    </r>
    <r>
      <rPr>
        <sz val="9"/>
        <rFont val="Arial"/>
        <family val="2"/>
      </rPr>
      <t>53-70-3</t>
    </r>
    <r>
      <rPr>
        <sz val="9"/>
        <rFont val="SimHei"/>
        <family val="3"/>
      </rPr>
      <t>）／</t>
    </r>
    <phoneticPr fontId="6"/>
  </si>
  <si>
    <r>
      <t xml:space="preserve">C </t>
    </r>
    <r>
      <rPr>
        <sz val="10"/>
        <rFont val="SimHei"/>
        <family val="3"/>
      </rPr>
      <t>元器类事业本部及企业用調査対象物質</t>
    </r>
    <rPh sb="13" eb="15">
      <t>チョウサ</t>
    </rPh>
    <rPh sb="15" eb="17">
      <t>タイショウ</t>
    </rPh>
    <rPh sb="17" eb="19">
      <t>ブッシツ</t>
    </rPh>
    <phoneticPr fontId="6"/>
  </si>
  <si>
    <r>
      <rPr>
        <sz val="10"/>
        <rFont val="SimHei"/>
        <family val="3"/>
      </rPr>
      <t>调查对象物质（客户要求较多的下述物质）</t>
    </r>
    <phoneticPr fontId="6"/>
  </si>
  <si>
    <r>
      <rPr>
        <sz val="10"/>
        <rFont val="SimHei"/>
        <family val="3"/>
      </rPr>
      <t>全面禁止的物质、有条件的禁止物质、管理物质与全公司共通版本一样将调查对象物质全部重组</t>
    </r>
    <phoneticPr fontId="6"/>
  </si>
  <si>
    <r>
      <rPr>
        <sz val="10"/>
        <rFont val="SimHei"/>
        <family val="3"/>
      </rPr>
      <t>卤素材料</t>
    </r>
    <phoneticPr fontId="6"/>
  </si>
  <si>
    <r>
      <rPr>
        <sz val="10"/>
        <rFont val="SimHei"/>
        <family val="3"/>
      </rPr>
      <t>←</t>
    </r>
  </si>
  <si>
    <r>
      <rPr>
        <sz val="10"/>
        <rFont val="SimHei"/>
        <family val="3"/>
      </rPr>
      <t>锑及其化合物</t>
    </r>
    <phoneticPr fontId="6"/>
  </si>
  <si>
    <r>
      <rPr>
        <sz val="10"/>
        <rFont val="SimHei"/>
        <family val="3"/>
      </rPr>
      <t>三氧化二锑附带条件→禁止物质
其他锑及其化合物→移到管理物质</t>
    </r>
    <phoneticPr fontId="6"/>
  </si>
  <si>
    <r>
      <rPr>
        <sz val="10"/>
        <rFont val="SimHei"/>
        <family val="3"/>
      </rPr>
      <t>邻苯二酸钾酯</t>
    </r>
    <phoneticPr fontId="6"/>
  </si>
  <si>
    <r>
      <rPr>
        <sz val="10"/>
        <rFont val="SimHei"/>
        <family val="3"/>
      </rPr>
      <t>上述因为用</t>
    </r>
    <r>
      <rPr>
        <sz val="10"/>
        <rFont val="Arial"/>
        <family val="2"/>
      </rPr>
      <t>A1</t>
    </r>
    <r>
      <rPr>
        <sz val="10"/>
        <rFont val="SimHei"/>
        <family val="3"/>
      </rPr>
      <t>及</t>
    </r>
    <r>
      <rPr>
        <sz val="10"/>
        <rFont val="Arial"/>
        <family val="2"/>
      </rPr>
      <t>B2</t>
    </r>
    <r>
      <rPr>
        <sz val="10"/>
        <rFont val="SimHei"/>
        <family val="3"/>
      </rPr>
      <t>记载了、削除</t>
    </r>
    <rPh sb="7" eb="8">
      <t>オヨ</t>
    </rPh>
    <phoneticPr fontId="6"/>
  </si>
  <si>
    <r>
      <rPr>
        <sz val="10"/>
        <rFont val="SimHei"/>
        <family val="3"/>
      </rPr>
      <t>天然橡胶</t>
    </r>
    <phoneticPr fontId="6"/>
  </si>
  <si>
    <r>
      <rPr>
        <sz val="10"/>
        <rFont val="SimHei"/>
        <family val="3"/>
      </rPr>
      <t>附带条件→移到禁止物质</t>
    </r>
    <phoneticPr fontId="6"/>
  </si>
  <si>
    <r>
      <rPr>
        <sz val="10"/>
        <rFont val="SimHei"/>
        <family val="3"/>
      </rPr>
      <t>磷及其化合物</t>
    </r>
    <phoneticPr fontId="6"/>
  </si>
  <si>
    <r>
      <rPr>
        <sz val="10"/>
        <rFont val="SimHei"/>
        <family val="3"/>
      </rPr>
      <t>红磷附带条件→禁止物质
其他的磷类阻燃剂→移到管理物质</t>
    </r>
    <phoneticPr fontId="6"/>
  </si>
  <si>
    <r>
      <rPr>
        <sz val="10"/>
        <rFont val="SimHei"/>
        <family val="3"/>
      </rPr>
      <t>全面禁止使用的化学物质</t>
    </r>
    <phoneticPr fontId="6"/>
  </si>
  <si>
    <r>
      <rPr>
        <sz val="10"/>
        <rFont val="SimHei"/>
        <family val="3"/>
      </rPr>
      <t>化审法</t>
    </r>
    <r>
      <rPr>
        <sz val="10"/>
        <rFont val="Arial"/>
        <family val="2"/>
      </rPr>
      <t xml:space="preserve"> </t>
    </r>
    <r>
      <rPr>
        <sz val="10"/>
        <rFont val="SimHei"/>
        <family val="3"/>
      </rPr>
      <t>第</t>
    </r>
    <r>
      <rPr>
        <sz val="10"/>
        <rFont val="Arial"/>
        <family val="2"/>
      </rPr>
      <t>1</t>
    </r>
    <r>
      <rPr>
        <sz val="10"/>
        <rFont val="SimHei"/>
        <family val="3"/>
      </rPr>
      <t>种特定物质</t>
    </r>
    <phoneticPr fontId="6"/>
  </si>
  <si>
    <r>
      <rPr>
        <sz val="10"/>
        <rFont val="SimHei"/>
        <family val="3"/>
      </rPr>
      <t>追加到对象物质</t>
    </r>
    <phoneticPr fontId="6"/>
  </si>
  <si>
    <r>
      <rPr>
        <sz val="10"/>
        <rFont val="SimHei"/>
        <family val="3"/>
      </rPr>
      <t>化审法</t>
    </r>
    <r>
      <rPr>
        <sz val="10"/>
        <rFont val="Arial"/>
        <family val="2"/>
      </rPr>
      <t xml:space="preserve"> </t>
    </r>
    <r>
      <rPr>
        <sz val="10"/>
        <rFont val="SimHei"/>
        <family val="3"/>
      </rPr>
      <t>第</t>
    </r>
    <r>
      <rPr>
        <sz val="10"/>
        <rFont val="Arial"/>
        <family val="2"/>
      </rPr>
      <t>2</t>
    </r>
    <r>
      <rPr>
        <sz val="10"/>
        <rFont val="SimHei"/>
        <family val="3"/>
      </rPr>
      <t>种、监视物质</t>
    </r>
    <phoneticPr fontId="6"/>
  </si>
  <si>
    <r>
      <rPr>
        <sz val="10"/>
        <rFont val="SimHei"/>
        <family val="3"/>
      </rPr>
      <t>按照自我标准追加</t>
    </r>
    <phoneticPr fontId="6"/>
  </si>
  <si>
    <r>
      <t>TSCA</t>
    </r>
    <r>
      <rPr>
        <sz val="10"/>
        <rFont val="SimHei"/>
        <family val="3"/>
      </rPr>
      <t>对象物质</t>
    </r>
    <phoneticPr fontId="6"/>
  </si>
  <si>
    <r>
      <rPr>
        <sz val="10"/>
        <rFont val="SimHei"/>
        <family val="3"/>
      </rPr>
      <t>追加到对象物质</t>
    </r>
  </si>
  <si>
    <r>
      <rPr>
        <sz val="11"/>
        <rFont val="SimHei"/>
        <family val="3"/>
      </rPr>
      <t>壬基苯酚化合物及其乙二醚</t>
    </r>
    <phoneticPr fontId="6"/>
  </si>
  <si>
    <r>
      <rPr>
        <sz val="11"/>
        <rFont val="SimHei"/>
        <family val="3"/>
      </rPr>
      <t>蒽类</t>
    </r>
    <phoneticPr fontId="6"/>
  </si>
  <si>
    <r>
      <rPr>
        <sz val="11"/>
        <rFont val="SimHei"/>
        <family val="3"/>
      </rPr>
      <t>长链氯化石蜡（</t>
    </r>
    <r>
      <rPr>
        <sz val="11"/>
        <rFont val="Arial"/>
        <family val="2"/>
      </rPr>
      <t>LCCP)</t>
    </r>
    <r>
      <rPr>
        <sz val="11"/>
        <rFont val="SimHei"/>
        <family val="3"/>
      </rPr>
      <t>（碳数</t>
    </r>
    <r>
      <rPr>
        <sz val="11"/>
        <rFont val="Arial"/>
        <family val="2"/>
      </rPr>
      <t>20</t>
    </r>
    <r>
      <rPr>
        <sz val="11"/>
        <rFont val="SimHei"/>
        <family val="3"/>
      </rPr>
      <t>～</t>
    </r>
    <r>
      <rPr>
        <sz val="11"/>
        <rFont val="Arial"/>
        <family val="2"/>
      </rPr>
      <t>30</t>
    </r>
    <r>
      <rPr>
        <sz val="11"/>
        <rFont val="SimHei"/>
        <family val="3"/>
      </rPr>
      <t>）</t>
    </r>
    <phoneticPr fontId="6"/>
  </si>
  <si>
    <r>
      <rPr>
        <sz val="11"/>
        <rFont val="SimHei"/>
        <family val="3"/>
      </rPr>
      <t>中链氯化石蜡（</t>
    </r>
    <r>
      <rPr>
        <sz val="11"/>
        <rFont val="Arial"/>
        <family val="2"/>
      </rPr>
      <t>MCCP)[</t>
    </r>
    <r>
      <rPr>
        <sz val="11"/>
        <rFont val="SimHei"/>
        <family val="3"/>
      </rPr>
      <t>群</t>
    </r>
    <r>
      <rPr>
        <sz val="11"/>
        <rFont val="Arial"/>
        <family val="2"/>
      </rPr>
      <t>]</t>
    </r>
    <r>
      <rPr>
        <sz val="11"/>
        <rFont val="SimHei"/>
        <family val="3"/>
      </rPr>
      <t>（碳数</t>
    </r>
    <r>
      <rPr>
        <sz val="11"/>
        <rFont val="Arial"/>
        <family val="2"/>
      </rPr>
      <t>14</t>
    </r>
    <r>
      <rPr>
        <sz val="11"/>
        <rFont val="SimHei"/>
        <family val="3"/>
      </rPr>
      <t>～</t>
    </r>
    <r>
      <rPr>
        <sz val="11"/>
        <rFont val="Arial"/>
        <family val="2"/>
      </rPr>
      <t>19</t>
    </r>
    <r>
      <rPr>
        <sz val="11"/>
        <rFont val="SimHei"/>
        <family val="3"/>
      </rPr>
      <t>）</t>
    </r>
    <phoneticPr fontId="6"/>
  </si>
  <si>
    <r>
      <rPr>
        <sz val="10"/>
        <rFont val="SimHei"/>
        <family val="3"/>
      </rPr>
      <t>按照自我标准追加</t>
    </r>
  </si>
  <si>
    <r>
      <t>1,3</t>
    </r>
    <r>
      <rPr>
        <sz val="11"/>
        <rFont val="SimHei"/>
        <family val="3"/>
      </rPr>
      <t>－二氯丙烯</t>
    </r>
    <phoneticPr fontId="6"/>
  </si>
  <si>
    <r>
      <t>p-</t>
    </r>
    <r>
      <rPr>
        <sz val="11"/>
        <rFont val="SimHei"/>
        <family val="3"/>
      </rPr>
      <t>二甲基氨基偶氮苯</t>
    </r>
    <phoneticPr fontId="6"/>
  </si>
  <si>
    <r>
      <rPr>
        <sz val="11"/>
        <rFont val="SimHei"/>
        <family val="3"/>
      </rPr>
      <t>氯化氢</t>
    </r>
    <phoneticPr fontId="6"/>
  </si>
  <si>
    <r>
      <t>N,N'-</t>
    </r>
    <r>
      <rPr>
        <sz val="11"/>
        <rFont val="SimHei"/>
        <family val="3"/>
      </rPr>
      <t>次乙基二（二硫胺甲酸）锰（代森锰）</t>
    </r>
    <phoneticPr fontId="6"/>
  </si>
  <si>
    <r>
      <t>1-</t>
    </r>
    <r>
      <rPr>
        <sz val="11"/>
        <rFont val="SimHei"/>
        <family val="3"/>
      </rPr>
      <t>萘胺</t>
    </r>
    <phoneticPr fontId="6"/>
  </si>
  <si>
    <r>
      <rPr>
        <sz val="10"/>
        <rFont val="SimHei"/>
        <family val="3"/>
      </rPr>
      <t>条件禁止使用的化学物质</t>
    </r>
    <phoneticPr fontId="6"/>
  </si>
  <si>
    <r>
      <rPr>
        <sz val="11"/>
        <rFont val="SimHei"/>
        <family val="3"/>
      </rPr>
      <t>另表</t>
    </r>
    <r>
      <rPr>
        <sz val="11"/>
        <rFont val="Arial"/>
        <family val="2"/>
      </rPr>
      <t>A</t>
    </r>
    <r>
      <rPr>
        <sz val="11"/>
        <rFont val="SimHei"/>
        <family val="3"/>
      </rPr>
      <t>所示的</t>
    </r>
    <r>
      <rPr>
        <sz val="11"/>
        <rFont val="Arial"/>
        <family val="2"/>
      </rPr>
      <t>REACH</t>
    </r>
    <r>
      <rPr>
        <sz val="11"/>
        <rFont val="SimHei"/>
        <family val="3"/>
      </rPr>
      <t>规则　限制物质</t>
    </r>
    <phoneticPr fontId="6"/>
  </si>
  <si>
    <r>
      <rPr>
        <sz val="11"/>
        <rFont val="SimHei"/>
        <family val="3"/>
      </rPr>
      <t>三氧化锑</t>
    </r>
    <phoneticPr fontId="6"/>
  </si>
  <si>
    <r>
      <rPr>
        <sz val="10"/>
        <rFont val="SimHei"/>
        <family val="3"/>
      </rPr>
      <t>移到附带条件禁止物质</t>
    </r>
    <phoneticPr fontId="6"/>
  </si>
  <si>
    <r>
      <rPr>
        <sz val="11"/>
        <rFont val="SimHei"/>
        <family val="3"/>
      </rPr>
      <t>聚氯乙烯树脂</t>
    </r>
    <r>
      <rPr>
        <sz val="11"/>
        <rFont val="Arial"/>
        <family val="2"/>
      </rPr>
      <t>(PVC)</t>
    </r>
    <phoneticPr fontId="6"/>
  </si>
  <si>
    <r>
      <rPr>
        <sz val="11"/>
        <rFont val="SimHei"/>
        <family val="3"/>
      </rPr>
      <t>天然橡胶</t>
    </r>
    <phoneticPr fontId="57"/>
  </si>
  <si>
    <r>
      <rPr>
        <sz val="11"/>
        <rFont val="SimHei"/>
        <family val="3"/>
      </rPr>
      <t>四氯酞酸酐</t>
    </r>
    <phoneticPr fontId="6"/>
  </si>
  <si>
    <r>
      <rPr>
        <sz val="11"/>
        <rFont val="SimHei"/>
        <family val="3"/>
      </rPr>
      <t>赤磷</t>
    </r>
    <phoneticPr fontId="6"/>
  </si>
  <si>
    <r>
      <rPr>
        <sz val="10"/>
        <rFont val="SimHei"/>
        <family val="3"/>
      </rPr>
      <t>移到附带条件禁止物质</t>
    </r>
  </si>
  <si>
    <r>
      <rPr>
        <sz val="11"/>
        <rFont val="SimHei"/>
        <family val="3"/>
      </rPr>
      <t>卤素材料（氯、溴）</t>
    </r>
    <phoneticPr fontId="6"/>
  </si>
  <si>
    <r>
      <rPr>
        <sz val="10"/>
        <rFont val="SimHei"/>
        <family val="3"/>
      </rPr>
      <t>邻苯二酸钾酯使用状况（工程管理）</t>
    </r>
    <rPh sb="11" eb="13">
      <t>コウテイ</t>
    </rPh>
    <rPh sb="13" eb="15">
      <t>カンリ</t>
    </rPh>
    <phoneticPr fontId="6"/>
  </si>
  <si>
    <r>
      <rPr>
        <sz val="10"/>
        <rFont val="SimHei"/>
        <family val="3"/>
      </rPr>
      <t>卤素物质的分析</t>
    </r>
    <phoneticPr fontId="6"/>
  </si>
  <si>
    <r>
      <rPr>
        <sz val="10"/>
        <rFont val="SimHei"/>
        <family val="3"/>
      </rPr>
      <t>（削除）</t>
    </r>
    <rPh sb="1" eb="3">
      <t>サクジョ</t>
    </rPh>
    <phoneticPr fontId="6"/>
  </si>
  <si>
    <r>
      <rPr>
        <sz val="10"/>
        <rFont val="SimHei"/>
        <family val="3"/>
      </rPr>
      <t>分析结果可以因应需求另外取得、针对记载到报告书上一事、因为烦杂将之削除</t>
    </r>
    <phoneticPr fontId="6"/>
  </si>
  <si>
    <r>
      <rPr>
        <sz val="10"/>
        <rFont val="SimHei"/>
        <family val="3"/>
      </rPr>
      <t>管理物质</t>
    </r>
    <phoneticPr fontId="6"/>
  </si>
  <si>
    <r>
      <rPr>
        <sz val="10"/>
        <rFont val="SimHei"/>
        <family val="3"/>
      </rPr>
      <t>烷基苯酚（碳数</t>
    </r>
    <r>
      <rPr>
        <sz val="10"/>
        <rFont val="Arial"/>
        <family val="2"/>
      </rPr>
      <t>5</t>
    </r>
    <r>
      <rPr>
        <sz val="10"/>
        <rFont val="SimHei"/>
        <family val="3"/>
      </rPr>
      <t>～</t>
    </r>
    <r>
      <rPr>
        <sz val="10"/>
        <rFont val="Arial"/>
        <family val="2"/>
      </rPr>
      <t>9</t>
    </r>
    <r>
      <rPr>
        <sz val="10"/>
        <rFont val="SimHei"/>
        <family val="3"/>
      </rPr>
      <t>）</t>
    </r>
    <r>
      <rPr>
        <sz val="10"/>
        <rFont val="Arial"/>
        <family val="2"/>
      </rPr>
      <t>(</t>
    </r>
    <r>
      <rPr>
        <sz val="10"/>
        <rFont val="SimHei"/>
        <family val="3"/>
      </rPr>
      <t>壬基酚除外）</t>
    </r>
    <phoneticPr fontId="6"/>
  </si>
  <si>
    <r>
      <rPr>
        <sz val="11"/>
        <rFont val="SimHei"/>
        <family val="3"/>
      </rPr>
      <t>铬及铬化合物（六价铬化合物除外</t>
    </r>
    <r>
      <rPr>
        <sz val="11"/>
        <rFont val="Arial"/>
        <family val="2"/>
      </rPr>
      <t>)</t>
    </r>
    <phoneticPr fontId="6"/>
  </si>
  <si>
    <r>
      <t>2,4-</t>
    </r>
    <r>
      <rPr>
        <sz val="10"/>
        <rFont val="SimHei"/>
        <family val="3"/>
      </rPr>
      <t>二氯酚靛酚</t>
    </r>
    <phoneticPr fontId="6"/>
  </si>
  <si>
    <r>
      <rPr>
        <sz val="10"/>
        <rFont val="SimHei"/>
        <family val="3"/>
      </rPr>
      <t>乙苯</t>
    </r>
    <phoneticPr fontId="6"/>
  </si>
  <si>
    <r>
      <rPr>
        <sz val="10"/>
        <rFont val="SimHei"/>
        <family val="3"/>
      </rPr>
      <t>异氰酸酯</t>
    </r>
    <phoneticPr fontId="6"/>
  </si>
  <si>
    <r>
      <rPr>
        <sz val="10"/>
        <rFont val="SimHei"/>
        <family val="3"/>
      </rPr>
      <t>八氯苯乙烯</t>
    </r>
    <phoneticPr fontId="6"/>
  </si>
  <si>
    <r>
      <rPr>
        <sz val="10"/>
        <rFont val="SimHei"/>
        <family val="3"/>
      </rPr>
      <t>磷类阻燃剂（赤磷除外）</t>
    </r>
    <phoneticPr fontId="6"/>
  </si>
  <si>
    <r>
      <rPr>
        <sz val="10"/>
        <rFont val="SimHei"/>
        <family val="3"/>
      </rPr>
      <t>移到管理物质</t>
    </r>
    <phoneticPr fontId="6"/>
  </si>
  <si>
    <r>
      <rPr>
        <sz val="10"/>
        <rFont val="SimHei"/>
        <family val="3"/>
      </rPr>
      <t>锑及其化合物（三氧化锑除外）</t>
    </r>
    <phoneticPr fontId="6"/>
  </si>
  <si>
    <r>
      <rPr>
        <sz val="10"/>
        <rFont val="SimHei"/>
        <family val="3"/>
      </rPr>
      <t>本报告书名称由《环境负荷物质含有情况报告书》变更为《含有化学物质报告书》</t>
    </r>
    <phoneticPr fontId="6"/>
  </si>
  <si>
    <r>
      <rPr>
        <sz val="10"/>
        <rFont val="SimHei"/>
        <family val="3"/>
      </rPr>
      <t>调查对象物质一览</t>
    </r>
    <phoneticPr fontId="6"/>
  </si>
  <si>
    <r>
      <t xml:space="preserve">A1. RoHS </t>
    </r>
    <r>
      <rPr>
        <sz val="10"/>
        <rFont val="SimHei"/>
        <family val="3"/>
      </rPr>
      <t>全面禁止</t>
    </r>
    <phoneticPr fontId="6"/>
  </si>
  <si>
    <r>
      <rPr>
        <sz val="10.5"/>
        <rFont val="SimHei"/>
        <family val="3"/>
      </rPr>
      <t>六价铬化合物</t>
    </r>
    <phoneticPr fontId="9"/>
  </si>
  <si>
    <r>
      <rPr>
        <sz val="10"/>
        <rFont val="SimHei"/>
        <family val="3"/>
      </rPr>
      <t>←</t>
    </r>
    <phoneticPr fontId="6"/>
  </si>
  <si>
    <r>
      <rPr>
        <sz val="10.5"/>
        <rFont val="SimHei"/>
        <family val="3"/>
      </rPr>
      <t>铅及其化合物</t>
    </r>
    <phoneticPr fontId="6"/>
  </si>
  <si>
    <r>
      <rPr>
        <sz val="10"/>
        <rFont val="SimHei"/>
        <family val="3"/>
      </rPr>
      <t>附带条件移到禁止物质里</t>
    </r>
    <phoneticPr fontId="6"/>
  </si>
  <si>
    <r>
      <t>POP</t>
    </r>
    <r>
      <rPr>
        <sz val="10"/>
        <rFont val="SimHei"/>
        <family val="3"/>
      </rPr>
      <t>ｓ对象物质</t>
    </r>
    <phoneticPr fontId="6"/>
  </si>
  <si>
    <r>
      <rPr>
        <sz val="11"/>
        <rFont val="SimHei"/>
        <family val="3"/>
      </rPr>
      <t>莫斯克西林</t>
    </r>
    <phoneticPr fontId="6"/>
  </si>
  <si>
    <r>
      <rPr>
        <sz val="10"/>
        <rFont val="SimHei"/>
        <family val="3"/>
      </rPr>
      <t>管理物质</t>
    </r>
    <phoneticPr fontId="6"/>
  </si>
  <si>
    <r>
      <rPr>
        <sz val="10"/>
        <rFont val="SimHei"/>
        <family val="3"/>
      </rPr>
      <t>二苯基甲酮</t>
    </r>
    <phoneticPr fontId="6"/>
  </si>
  <si>
    <r>
      <rPr>
        <sz val="11"/>
        <rFont val="SimHei"/>
        <family val="3"/>
      </rPr>
      <t>铬及铬化合物（六价铬化合物除外</t>
    </r>
    <r>
      <rPr>
        <sz val="11"/>
        <rFont val="Arial"/>
        <family val="2"/>
      </rPr>
      <t>)</t>
    </r>
    <phoneticPr fontId="6"/>
  </si>
  <si>
    <r>
      <t xml:space="preserve">C </t>
    </r>
    <r>
      <rPr>
        <sz val="10"/>
        <rFont val="SimHei"/>
        <family val="3"/>
      </rPr>
      <t>元器类事业本部及企业用对象物质</t>
    </r>
    <rPh sb="5" eb="6">
      <t>ジ</t>
    </rPh>
    <rPh sb="7" eb="9">
      <t>ホンブ</t>
    </rPh>
    <rPh sb="9" eb="10">
      <t>キュウ</t>
    </rPh>
    <rPh sb="10" eb="11">
      <t>キ</t>
    </rPh>
    <rPh sb="12" eb="13">
      <t>モチ</t>
    </rPh>
    <rPh sb="14" eb="15">
      <t>ショウ</t>
    </rPh>
    <rPh sb="15" eb="16">
      <t>モツ</t>
    </rPh>
    <phoneticPr fontId="6"/>
  </si>
  <si>
    <r>
      <rPr>
        <sz val="10"/>
        <rFont val="SimHei"/>
        <family val="3"/>
      </rPr>
      <t>化审法</t>
    </r>
    <r>
      <rPr>
        <sz val="10"/>
        <rFont val="Arial"/>
        <family val="2"/>
      </rPr>
      <t xml:space="preserve"> </t>
    </r>
    <r>
      <rPr>
        <sz val="10"/>
        <rFont val="SimHei"/>
        <family val="3"/>
      </rPr>
      <t>第</t>
    </r>
    <r>
      <rPr>
        <sz val="10"/>
        <rFont val="Arial"/>
        <family val="2"/>
      </rPr>
      <t>1</t>
    </r>
    <r>
      <rPr>
        <sz val="10"/>
        <rFont val="SimHei"/>
        <family val="3"/>
      </rPr>
      <t>种、第</t>
    </r>
    <r>
      <rPr>
        <sz val="10"/>
        <rFont val="Arial"/>
        <family val="2"/>
      </rPr>
      <t>2</t>
    </r>
    <r>
      <rPr>
        <sz val="10"/>
        <rFont val="SimHei"/>
        <family val="3"/>
      </rPr>
      <t>种第２種、监视物质</t>
    </r>
    <rPh sb="11" eb="12">
      <t>ダイ</t>
    </rPh>
    <rPh sb="13" eb="14">
      <t>シュ</t>
    </rPh>
    <phoneticPr fontId="6"/>
  </si>
  <si>
    <r>
      <t>POP</t>
    </r>
    <r>
      <rPr>
        <sz val="10"/>
        <rFont val="SimHei"/>
        <family val="3"/>
      </rPr>
      <t>ｓ</t>
    </r>
    <phoneticPr fontId="6"/>
  </si>
  <si>
    <r>
      <rPr>
        <sz val="10"/>
        <rFont val="SimHei"/>
        <family val="3"/>
      </rPr>
      <t>（</t>
    </r>
    <r>
      <rPr>
        <sz val="10"/>
        <rFont val="Arial"/>
        <family val="2"/>
      </rPr>
      <t>EU REACH</t>
    </r>
    <r>
      <rPr>
        <sz val="10"/>
        <rFont val="SimHei"/>
        <family val="3"/>
      </rPr>
      <t>规则）／</t>
    </r>
    <r>
      <rPr>
        <sz val="10"/>
        <rFont val="Arial"/>
        <family val="2"/>
      </rPr>
      <t>EU REACH</t>
    </r>
    <r>
      <rPr>
        <sz val="10"/>
        <rFont val="SimHei"/>
        <family val="3"/>
      </rPr>
      <t>规则</t>
    </r>
    <r>
      <rPr>
        <sz val="10"/>
        <rFont val="Arial"/>
        <family val="2"/>
      </rPr>
      <t xml:space="preserve"> </t>
    </r>
    <r>
      <rPr>
        <sz val="10"/>
        <rFont val="SimHei"/>
        <family val="3"/>
      </rPr>
      <t>附页</t>
    </r>
    <r>
      <rPr>
        <sz val="10"/>
        <rFont val="Arial"/>
        <family val="2"/>
      </rPr>
      <t>X</t>
    </r>
    <r>
      <rPr>
        <sz val="10"/>
        <rFont val="SimHei"/>
        <family val="3"/>
      </rPr>
      <t>Ⅳ</t>
    </r>
    <rPh sb="9" eb="11">
      <t>キソク</t>
    </rPh>
    <phoneticPr fontId="6"/>
  </si>
  <si>
    <r>
      <rPr>
        <sz val="10"/>
        <rFont val="SimHei"/>
        <family val="3"/>
      </rPr>
      <t>＜设备类事业本部独自规定＞</t>
    </r>
    <phoneticPr fontId="6"/>
  </si>
  <si>
    <r>
      <rPr>
        <sz val="10"/>
        <rFont val="SimHei"/>
        <family val="3"/>
      </rPr>
      <t>＜设备类事业本部独自规定＞</t>
    </r>
  </si>
  <si>
    <r>
      <rPr>
        <b/>
        <sz val="10"/>
        <rFont val="SimHei"/>
        <family val="3"/>
      </rPr>
      <t>［此页无需提交］</t>
    </r>
    <phoneticPr fontId="6"/>
  </si>
  <si>
    <r>
      <rPr>
        <sz val="10"/>
        <rFont val="SimHei"/>
        <family val="3"/>
      </rPr>
      <t>物质名词</t>
    </r>
    <phoneticPr fontId="6"/>
  </si>
  <si>
    <r>
      <rPr>
        <sz val="10"/>
        <rFont val="SimHei"/>
        <family val="3"/>
      </rPr>
      <t>全面禁止</t>
    </r>
    <phoneticPr fontId="6"/>
  </si>
  <si>
    <r>
      <rPr>
        <sz val="10"/>
        <rFont val="SimHei"/>
        <family val="3"/>
      </rPr>
      <t>邻苯二甲酸二异丁酯（</t>
    </r>
    <r>
      <rPr>
        <sz val="10"/>
        <rFont val="Arial"/>
        <family val="2"/>
      </rPr>
      <t>DIBP</t>
    </r>
    <r>
      <rPr>
        <sz val="10"/>
        <rFont val="SimHei"/>
        <family val="3"/>
      </rPr>
      <t>）</t>
    </r>
    <phoneticPr fontId="6"/>
  </si>
  <si>
    <r>
      <rPr>
        <sz val="10"/>
        <rFont val="SimHei"/>
        <family val="3"/>
      </rPr>
      <t>带条件禁止</t>
    </r>
    <phoneticPr fontId="6"/>
  </si>
  <si>
    <r>
      <rPr>
        <sz val="10"/>
        <rFont val="SimHei"/>
        <family val="3"/>
      </rPr>
      <t>镉及其化合物</t>
    </r>
    <phoneticPr fontId="6"/>
  </si>
  <si>
    <r>
      <rPr>
        <sz val="10"/>
        <rFont val="SimHei"/>
        <family val="3"/>
      </rPr>
      <t>铅及其化合物</t>
    </r>
    <phoneticPr fontId="6"/>
  </si>
  <si>
    <r>
      <rPr>
        <sz val="10"/>
        <rFont val="SimHei"/>
        <family val="3"/>
      </rPr>
      <t>汞及其化合物</t>
    </r>
    <phoneticPr fontId="6"/>
  </si>
  <si>
    <r>
      <rPr>
        <sz val="10"/>
        <rFont val="SimHei"/>
        <family val="3"/>
      </rPr>
      <t>化审法、</t>
    </r>
    <r>
      <rPr>
        <sz val="10"/>
        <rFont val="Arial"/>
        <family val="2"/>
      </rPr>
      <t>EU POPs</t>
    </r>
    <r>
      <rPr>
        <sz val="10"/>
        <rFont val="SimHei"/>
        <family val="3"/>
      </rPr>
      <t>规则</t>
    </r>
    <r>
      <rPr>
        <sz val="10"/>
        <rFont val="Arial"/>
        <family val="2"/>
      </rPr>
      <t xml:space="preserve"> </t>
    </r>
    <r>
      <rPr>
        <sz val="10"/>
        <rFont val="SimHei"/>
        <family val="3"/>
      </rPr>
      <t>附页</t>
    </r>
    <r>
      <rPr>
        <sz val="10"/>
        <rFont val="Arial"/>
        <family val="2"/>
      </rPr>
      <t>I</t>
    </r>
    <phoneticPr fontId="6"/>
  </si>
  <si>
    <r>
      <rPr>
        <sz val="10"/>
        <rFont val="SimHei"/>
        <family val="3"/>
      </rPr>
      <t>六溴环十二烷（</t>
    </r>
    <r>
      <rPr>
        <sz val="10"/>
        <rFont val="Arial"/>
        <family val="2"/>
      </rPr>
      <t>HBCDD</t>
    </r>
    <r>
      <rPr>
        <sz val="10"/>
        <rFont val="SimHei"/>
        <family val="3"/>
      </rPr>
      <t>）</t>
    </r>
    <phoneticPr fontId="6"/>
  </si>
  <si>
    <r>
      <rPr>
        <sz val="10"/>
        <rFont val="SimHei"/>
        <family val="3"/>
      </rPr>
      <t>氯化钴</t>
    </r>
    <phoneticPr fontId="6"/>
  </si>
  <si>
    <r>
      <rPr>
        <sz val="10"/>
        <rFont val="SimHei"/>
        <family val="3"/>
      </rPr>
      <t>二丁锡化合物（</t>
    </r>
    <r>
      <rPr>
        <sz val="10"/>
        <rFont val="Arial"/>
        <family val="2"/>
      </rPr>
      <t>DBT</t>
    </r>
    <r>
      <rPr>
        <sz val="10"/>
        <rFont val="SimHei"/>
        <family val="3"/>
      </rPr>
      <t>）</t>
    </r>
    <phoneticPr fontId="6"/>
  </si>
  <si>
    <r>
      <rPr>
        <sz val="10"/>
        <rFont val="SimHei"/>
        <family val="3"/>
      </rPr>
      <t>偶氮染料、颜料</t>
    </r>
    <phoneticPr fontId="6"/>
  </si>
  <si>
    <r>
      <rPr>
        <sz val="10"/>
        <rFont val="SimHei"/>
        <family val="3"/>
      </rPr>
      <t>磷酸三</t>
    </r>
    <r>
      <rPr>
        <sz val="10"/>
        <rFont val="Arial"/>
        <family val="2"/>
      </rPr>
      <t>(1,3-</t>
    </r>
    <r>
      <rPr>
        <sz val="10"/>
        <rFont val="SimHei"/>
        <family val="3"/>
      </rPr>
      <t>二氯丙基</t>
    </r>
    <r>
      <rPr>
        <sz val="10"/>
        <rFont val="Arial"/>
        <family val="2"/>
      </rPr>
      <t>)</t>
    </r>
    <r>
      <rPr>
        <sz val="10"/>
        <rFont val="SimHei"/>
        <family val="3"/>
      </rPr>
      <t>酯（</t>
    </r>
    <r>
      <rPr>
        <sz val="10"/>
        <rFont val="Arial"/>
        <family val="2"/>
      </rPr>
      <t>TDCPP</t>
    </r>
    <r>
      <rPr>
        <sz val="10"/>
        <rFont val="SimHei"/>
        <family val="3"/>
      </rPr>
      <t>）</t>
    </r>
    <phoneticPr fontId="6"/>
  </si>
  <si>
    <r>
      <t>POP</t>
    </r>
    <r>
      <rPr>
        <sz val="10"/>
        <rFont val="SimHei"/>
        <family val="3"/>
      </rPr>
      <t>ｓ对象物质</t>
    </r>
    <phoneticPr fontId="6"/>
  </si>
  <si>
    <r>
      <rPr>
        <b/>
        <sz val="11"/>
        <color theme="0"/>
        <rFont val="SimHei"/>
        <family val="3"/>
      </rPr>
      <t>禁止使用／</t>
    </r>
    <phoneticPr fontId="6"/>
  </si>
  <si>
    <r>
      <rPr>
        <b/>
        <sz val="11"/>
        <color theme="0"/>
        <rFont val="SimHei"/>
        <family val="3"/>
      </rPr>
      <t>禁止使用／</t>
    </r>
    <phoneticPr fontId="6"/>
  </si>
  <si>
    <r>
      <rPr>
        <b/>
        <sz val="11"/>
        <color theme="0"/>
        <rFont val="SimHei"/>
        <family val="3"/>
      </rPr>
      <t xml:space="preserve">禁止使用／
</t>
    </r>
    <r>
      <rPr>
        <b/>
        <sz val="11"/>
        <color theme="0"/>
        <rFont val="Arial"/>
        <family val="2"/>
      </rPr>
      <t>Banned</t>
    </r>
    <phoneticPr fontId="6"/>
  </si>
  <si>
    <r>
      <rPr>
        <sz val="11"/>
        <rFont val="SimHei"/>
        <family val="3"/>
      </rPr>
      <t>用在加热器，通风，空调和冷冻机制冷（</t>
    </r>
    <r>
      <rPr>
        <sz val="11"/>
        <rFont val="Arial"/>
        <family val="2"/>
      </rPr>
      <t>HVACR</t>
    </r>
    <r>
      <rPr>
        <sz val="11"/>
        <rFont val="SimHei"/>
        <family val="3"/>
      </rPr>
      <t>）设备中的额定功率为</t>
    </r>
    <r>
      <rPr>
        <sz val="11"/>
        <rFont val="Arial"/>
        <family val="2"/>
      </rPr>
      <t>9 kW</t>
    </r>
    <r>
      <rPr>
        <sz val="11"/>
        <rFont val="SimHei"/>
        <family val="3"/>
      </rPr>
      <t>或更低的含冷却液的密封涡旋式压缩机的制冷剂管道的轴承和壳体以及套管</t>
    </r>
    <r>
      <rPr>
        <sz val="11"/>
        <rFont val="SimHei"/>
        <family val="3"/>
      </rPr>
      <t>［</t>
    </r>
    <r>
      <rPr>
        <sz val="11"/>
        <rFont val="Arial"/>
        <family val="2"/>
      </rPr>
      <t>2018</t>
    </r>
    <r>
      <rPr>
        <sz val="11"/>
        <rFont val="SimHei"/>
        <family val="3"/>
      </rPr>
      <t>年</t>
    </r>
    <r>
      <rPr>
        <sz val="11"/>
        <rFont val="Arial"/>
        <family val="2"/>
      </rPr>
      <t>7</t>
    </r>
    <r>
      <rPr>
        <sz val="11"/>
        <rFont val="SimHei"/>
        <family val="3"/>
      </rPr>
      <t>月</t>
    </r>
    <r>
      <rPr>
        <sz val="11"/>
        <rFont val="Arial"/>
        <family val="2"/>
      </rPr>
      <t>21</t>
    </r>
    <r>
      <rPr>
        <sz val="11"/>
        <rFont val="SimHei"/>
        <family val="3"/>
      </rPr>
      <t>日之後禁止使用</t>
    </r>
    <r>
      <rPr>
        <sz val="11"/>
        <rFont val="Arial"/>
        <family val="2"/>
      </rPr>
      <t xml:space="preserve"> *2</t>
    </r>
    <r>
      <rPr>
        <sz val="11"/>
        <rFont val="SimHei"/>
        <family val="3"/>
      </rPr>
      <t>）］／</t>
    </r>
    <phoneticPr fontId="6"/>
  </si>
  <si>
    <r>
      <rPr>
        <sz val="10"/>
        <rFont val="ＭＳ Ｐゴシック"/>
        <family val="3"/>
        <charset val="128"/>
      </rPr>
      <t>非特意添加，且含有量在</t>
    </r>
    <r>
      <rPr>
        <sz val="10"/>
        <rFont val="Arial"/>
        <family val="2"/>
      </rPr>
      <t>1000ppm</t>
    </r>
    <r>
      <rPr>
        <sz val="10"/>
        <rFont val="ＭＳ Ｐゴシック"/>
        <family val="3"/>
        <charset val="128"/>
      </rPr>
      <t>以下</t>
    </r>
    <r>
      <rPr>
        <sz val="10"/>
        <rFont val="Arial"/>
        <family val="2"/>
      </rPr>
      <t>.</t>
    </r>
    <r>
      <rPr>
        <sz val="10"/>
        <rFont val="ＭＳ Ｐゴシック"/>
        <family val="3"/>
        <charset val="128"/>
      </rPr>
      <t>／</t>
    </r>
    <r>
      <rPr>
        <sz val="10"/>
        <rFont val="Arial"/>
        <family val="2"/>
      </rPr>
      <t>Content is 1000ppm or less.  Not intentionally added.</t>
    </r>
    <phoneticPr fontId="6"/>
  </si>
  <si>
    <r>
      <rPr>
        <sz val="10"/>
        <rFont val="ＭＳ Ｐゴシック"/>
        <family val="3"/>
        <charset val="128"/>
      </rPr>
      <t>非特意添加，且含有量在</t>
    </r>
    <r>
      <rPr>
        <sz val="10"/>
        <rFont val="Arial"/>
        <family val="2"/>
      </rPr>
      <t>1000ppm</t>
    </r>
    <r>
      <rPr>
        <sz val="10"/>
        <rFont val="ＭＳ Ｐゴシック"/>
        <family val="3"/>
        <charset val="128"/>
      </rPr>
      <t>以下</t>
    </r>
    <r>
      <rPr>
        <sz val="10"/>
        <rFont val="Arial"/>
        <family val="2"/>
      </rPr>
      <t>.</t>
    </r>
    <r>
      <rPr>
        <sz val="10"/>
        <rFont val="ＭＳ Ｐゴシック"/>
        <family val="3"/>
        <charset val="128"/>
      </rPr>
      <t>／</t>
    </r>
    <r>
      <rPr>
        <sz val="10"/>
        <rFont val="Arial"/>
        <family val="2"/>
      </rPr>
      <t>Content is 1000ppm or less.  Not intentionally added.</t>
    </r>
    <phoneticPr fontId="6"/>
  </si>
  <si>
    <r>
      <rPr>
        <b/>
        <sz val="12"/>
        <rFont val="SimHei"/>
        <family val="3"/>
      </rPr>
      <t>从</t>
    </r>
    <r>
      <rPr>
        <b/>
        <sz val="12"/>
        <rFont val="Arial"/>
        <family val="2"/>
      </rPr>
      <t>ver.9.0</t>
    </r>
    <r>
      <rPr>
        <b/>
        <sz val="12"/>
        <rFont val="SimHei"/>
        <family val="3"/>
      </rPr>
      <t>改订的要点</t>
    </r>
    <phoneticPr fontId="6"/>
  </si>
  <si>
    <r>
      <rPr>
        <sz val="11"/>
        <rFont val="SimHei"/>
        <family val="3"/>
      </rPr>
      <t>使用于</t>
    </r>
    <r>
      <rPr>
        <sz val="11"/>
        <rFont val="Arial"/>
        <family val="2"/>
      </rPr>
      <t>EU RoHS</t>
    </r>
    <r>
      <rPr>
        <sz val="11"/>
        <rFont val="SimHei"/>
        <family val="3"/>
      </rPr>
      <t>指令（</t>
    </r>
    <r>
      <rPr>
        <sz val="11"/>
        <rFont val="Arial"/>
        <family val="2"/>
      </rPr>
      <t>2011/65/EU</t>
    </r>
    <r>
      <rPr>
        <sz val="11"/>
        <rFont val="SimHei"/>
        <family val="3"/>
      </rPr>
      <t>）附录</t>
    </r>
    <r>
      <rPr>
        <sz val="11"/>
        <rFont val="Arial"/>
        <family val="2"/>
      </rPr>
      <t>III</t>
    </r>
    <r>
      <rPr>
        <sz val="11"/>
        <rFont val="SimHei"/>
        <family val="3"/>
      </rPr>
      <t>的</t>
    </r>
    <r>
      <rPr>
        <sz val="11"/>
        <rFont val="Arial"/>
        <family val="2"/>
      </rPr>
      <t>4(f)</t>
    </r>
    <r>
      <rPr>
        <sz val="11"/>
        <rFont val="SimHei"/>
        <family val="3"/>
      </rPr>
      <t>中规定的特殊用途的放电灯。／</t>
    </r>
    <rPh sb="29" eb="30">
      <t>テキ</t>
    </rPh>
    <phoneticPr fontId="6"/>
  </si>
  <si>
    <t>铍及其化合物</t>
    <phoneticPr fontId="6"/>
  </si>
  <si>
    <t>(                                                                                                                                                                                                        )</t>
    <phoneticPr fontId="6"/>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yyyy/mm/dd"/>
    <numFmt numFmtId="177" formatCode="&quot;(&quot;General&quot;)&quot;"/>
  </numFmts>
  <fonts count="73">
    <font>
      <sz val="10"/>
      <color theme="1"/>
      <name val="MS UI Gothic"/>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MS UI Gothic"/>
      <family val="3"/>
      <charset val="128"/>
    </font>
    <font>
      <sz val="10"/>
      <name val="Arial"/>
      <family val="2"/>
    </font>
    <font>
      <sz val="11"/>
      <name val="ＭＳ Ｐゴシック"/>
      <family val="3"/>
      <charset val="128"/>
    </font>
    <font>
      <sz val="6"/>
      <name val="ＭＳ Ｐゴシック"/>
      <family val="2"/>
      <charset val="128"/>
      <scheme val="minor"/>
    </font>
    <font>
      <sz val="9"/>
      <color theme="1"/>
      <name val="Arial"/>
      <family val="2"/>
    </font>
    <font>
      <sz val="9"/>
      <color theme="1"/>
      <name val="ＭＳ Ｐゴシック"/>
      <family val="2"/>
      <charset val="128"/>
    </font>
    <font>
      <sz val="9"/>
      <name val="Arial"/>
      <family val="2"/>
    </font>
    <font>
      <sz val="8"/>
      <name val="Arial"/>
      <family val="2"/>
    </font>
    <font>
      <b/>
      <sz val="9"/>
      <name val="Arial"/>
      <family val="2"/>
    </font>
    <font>
      <b/>
      <sz val="10"/>
      <color rgb="FFFF0000"/>
      <name val="Arial"/>
      <family val="2"/>
    </font>
    <font>
      <b/>
      <sz val="20"/>
      <name val="Arial"/>
      <family val="2"/>
    </font>
    <font>
      <sz val="11"/>
      <name val="Arial"/>
      <family val="2"/>
    </font>
    <font>
      <b/>
      <sz val="11"/>
      <name val="Arial"/>
      <family val="2"/>
    </font>
    <font>
      <sz val="11"/>
      <name val="SimHei"/>
      <family val="3"/>
    </font>
    <font>
      <sz val="10"/>
      <name val="SimHei"/>
      <family val="3"/>
    </font>
    <font>
      <b/>
      <sz val="11"/>
      <name val="SimHei"/>
      <family val="3"/>
    </font>
    <font>
      <b/>
      <u/>
      <sz val="13"/>
      <name val="Arial"/>
      <family val="2"/>
    </font>
    <font>
      <b/>
      <u/>
      <sz val="13"/>
      <name val="SimHei"/>
      <family val="3"/>
    </font>
    <font>
      <b/>
      <u/>
      <sz val="9"/>
      <name val="Arial"/>
      <family val="2"/>
    </font>
    <font>
      <sz val="10.5"/>
      <name val="Arial"/>
      <family val="2"/>
    </font>
    <font>
      <sz val="10.5"/>
      <name val="SimHei"/>
      <family val="3"/>
    </font>
    <font>
      <sz val="9"/>
      <name val="SimHei"/>
      <family val="3"/>
    </font>
    <font>
      <sz val="11"/>
      <name val="宋体"/>
      <family val="3"/>
      <charset val="134"/>
    </font>
    <font>
      <sz val="10"/>
      <color rgb="FFFF0000"/>
      <name val="Arial"/>
      <family val="2"/>
    </font>
    <font>
      <b/>
      <sz val="12"/>
      <name val="Arial"/>
      <family val="2"/>
    </font>
    <font>
      <b/>
      <sz val="12"/>
      <name val="SimHei"/>
      <family val="3"/>
    </font>
    <font>
      <sz val="10"/>
      <name val="ＭＳ Ｐゴシック"/>
      <family val="3"/>
      <charset val="128"/>
    </font>
    <font>
      <b/>
      <u/>
      <sz val="12"/>
      <name val="SimHei"/>
      <family val="3"/>
    </font>
    <font>
      <b/>
      <sz val="12"/>
      <color rgb="FFFF0000"/>
      <name val="Arial"/>
      <family val="2"/>
    </font>
    <font>
      <b/>
      <u/>
      <sz val="10"/>
      <name val="Arial"/>
      <family val="2"/>
    </font>
    <font>
      <b/>
      <u/>
      <sz val="10"/>
      <name val="SimHei"/>
      <family val="3"/>
    </font>
    <font>
      <b/>
      <sz val="10"/>
      <name val="Arial"/>
      <family val="2"/>
    </font>
    <font>
      <b/>
      <u/>
      <sz val="8"/>
      <name val="Arial"/>
      <family val="2"/>
    </font>
    <font>
      <b/>
      <sz val="10"/>
      <name val="SimHei"/>
      <family val="3"/>
    </font>
    <font>
      <b/>
      <sz val="10"/>
      <color rgb="FFFF0000"/>
      <name val="SimHei"/>
      <family val="3"/>
    </font>
    <font>
      <b/>
      <sz val="10"/>
      <name val="ＭＳ Ｐゴシック"/>
      <family val="3"/>
      <charset val="128"/>
    </font>
    <font>
      <sz val="6"/>
      <name val="Arial"/>
      <family val="2"/>
    </font>
    <font>
      <b/>
      <sz val="8"/>
      <name val="Arial"/>
      <family val="2"/>
    </font>
    <font>
      <b/>
      <sz val="8"/>
      <name val="SimHei"/>
      <family val="3"/>
    </font>
    <font>
      <b/>
      <u/>
      <sz val="10"/>
      <name val="ＭＳ Ｐゴシック"/>
      <family val="3"/>
      <charset val="128"/>
    </font>
    <font>
      <vertAlign val="superscript"/>
      <sz val="9"/>
      <name val="Arial"/>
      <family val="2"/>
    </font>
    <font>
      <sz val="14"/>
      <name val="Arial"/>
      <family val="2"/>
    </font>
    <font>
      <b/>
      <sz val="11"/>
      <color theme="0"/>
      <name val="Arial"/>
      <family val="2"/>
    </font>
    <font>
      <b/>
      <sz val="11"/>
      <color theme="0"/>
      <name val="SimHei"/>
      <family val="3"/>
    </font>
    <font>
      <b/>
      <sz val="9"/>
      <color theme="0"/>
      <name val="Arial"/>
      <family val="2"/>
    </font>
    <font>
      <b/>
      <u/>
      <sz val="9"/>
      <name val="SimHei"/>
      <family val="3"/>
    </font>
    <font>
      <b/>
      <u/>
      <sz val="9"/>
      <name val="Arial Unicode MS"/>
      <family val="3"/>
      <charset val="128"/>
    </font>
    <font>
      <sz val="18"/>
      <name val="Arial"/>
      <family val="2"/>
    </font>
    <font>
      <sz val="10"/>
      <color theme="1"/>
      <name val="Arial"/>
      <family val="2"/>
    </font>
    <font>
      <b/>
      <sz val="20"/>
      <name val="SimHei"/>
      <family val="3"/>
    </font>
    <font>
      <sz val="10"/>
      <color theme="1"/>
      <name val="MS UI Gothic"/>
      <family val="3"/>
      <charset val="128"/>
    </font>
    <font>
      <sz val="6"/>
      <name val="ＭＳ Ｐゴシック"/>
      <family val="3"/>
      <charset val="128"/>
    </font>
    <font>
      <b/>
      <u/>
      <sz val="11"/>
      <name val="Arial"/>
      <family val="2"/>
    </font>
    <font>
      <b/>
      <sz val="10"/>
      <name val="MS UI Gothic"/>
      <family val="3"/>
      <charset val="128"/>
    </font>
    <font>
      <sz val="12"/>
      <name val="Arial"/>
      <family val="2"/>
    </font>
    <font>
      <sz val="15.5"/>
      <name val="Arial"/>
      <family val="2"/>
    </font>
    <font>
      <b/>
      <sz val="15.5"/>
      <name val="Arial"/>
      <family val="2"/>
    </font>
    <font>
      <sz val="6"/>
      <name val="MS UI Gothic"/>
      <family val="2"/>
      <charset val="128"/>
    </font>
    <font>
      <b/>
      <sz val="12"/>
      <color rgb="FFFF0000"/>
      <name val="SimHei"/>
      <family val="3"/>
    </font>
    <font>
      <sz val="8"/>
      <name val="SimHei"/>
      <family val="3"/>
    </font>
    <font>
      <b/>
      <u/>
      <sz val="11"/>
      <name val="SimHei"/>
      <family val="3"/>
    </font>
    <font>
      <b/>
      <u/>
      <sz val="12"/>
      <name val="Arial"/>
      <family val="2"/>
    </font>
    <font>
      <sz val="11"/>
      <color theme="0"/>
      <name val="Arial"/>
      <family val="2"/>
    </font>
    <font>
      <b/>
      <sz val="11"/>
      <name val="MS UI Gothic"/>
      <family val="3"/>
      <charset val="128"/>
    </font>
    <font>
      <u/>
      <sz val="11"/>
      <name val="Arial"/>
      <family val="2"/>
    </font>
    <font>
      <b/>
      <u/>
      <sz val="9"/>
      <name val="MS UI Gothic"/>
      <family val="3"/>
      <charset val="128"/>
    </font>
    <font>
      <u/>
      <sz val="9"/>
      <name val="Arial"/>
      <family val="2"/>
    </font>
  </fonts>
  <fills count="8">
    <fill>
      <patternFill patternType="none"/>
    </fill>
    <fill>
      <patternFill patternType="gray125"/>
    </fill>
    <fill>
      <patternFill patternType="solid">
        <fgColor theme="1" tint="0.499984740745262"/>
        <bgColor indexed="64"/>
      </patternFill>
    </fill>
    <fill>
      <patternFill patternType="solid">
        <fgColor theme="0" tint="-0.14999847407452621"/>
        <bgColor indexed="64"/>
      </patternFill>
    </fill>
    <fill>
      <patternFill patternType="solid">
        <fgColor theme="0"/>
        <bgColor indexed="64"/>
      </patternFill>
    </fill>
    <fill>
      <patternFill patternType="solid">
        <fgColor theme="7" tint="0.39997558519241921"/>
        <bgColor indexed="64"/>
      </patternFill>
    </fill>
    <fill>
      <patternFill patternType="solid">
        <fgColor rgb="FFD9D9D9"/>
        <bgColor indexed="64"/>
      </patternFill>
    </fill>
    <fill>
      <patternFill patternType="solid">
        <fgColor rgb="FFFFFFFF"/>
        <bgColor indexed="64"/>
      </patternFill>
    </fill>
  </fills>
  <borders count="71">
    <border>
      <left/>
      <right/>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thin">
        <color indexed="64"/>
      </right>
      <top style="double">
        <color indexed="64"/>
      </top>
      <bottom/>
      <diagonal/>
    </border>
    <border>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right/>
      <top style="double">
        <color indexed="64"/>
      </top>
      <bottom style="thin">
        <color indexed="64"/>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style="thin">
        <color indexed="64"/>
      </left>
      <right style="thin">
        <color indexed="64"/>
      </right>
      <top/>
      <bottom style="double">
        <color indexed="64"/>
      </bottom>
      <diagonal/>
    </border>
    <border>
      <left/>
      <right style="thin">
        <color indexed="64"/>
      </right>
      <top/>
      <bottom style="double">
        <color indexed="64"/>
      </bottom>
      <diagonal/>
    </border>
    <border>
      <left/>
      <right style="thin">
        <color indexed="64"/>
      </right>
      <top style="double">
        <color indexed="64"/>
      </top>
      <bottom style="thin">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double">
        <color indexed="64"/>
      </top>
      <bottom/>
      <diagonal/>
    </border>
    <border>
      <left style="thin">
        <color indexed="64"/>
      </left>
      <right/>
      <top style="double">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hair">
        <color indexed="64"/>
      </top>
      <bottom/>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rgb="FF000000"/>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top style="thin">
        <color indexed="64"/>
      </top>
      <bottom style="hair">
        <color indexed="64"/>
      </bottom>
      <diagonal/>
    </border>
    <border>
      <left style="thin">
        <color indexed="64"/>
      </left>
      <right/>
      <top style="hair">
        <color indexed="64"/>
      </top>
      <bottom style="hair">
        <color indexed="64"/>
      </bottom>
      <diagonal/>
    </border>
    <border>
      <left style="thin">
        <color indexed="64"/>
      </left>
      <right style="thin">
        <color indexed="64"/>
      </right>
      <top style="dotted">
        <color indexed="64"/>
      </top>
      <bottom style="dotted">
        <color indexed="64"/>
      </bottom>
      <diagonal/>
    </border>
    <border>
      <left style="thin">
        <color indexed="64"/>
      </left>
      <right/>
      <top style="hair">
        <color indexed="64"/>
      </top>
      <bottom style="thin">
        <color indexed="64"/>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thin">
        <color auto="1"/>
      </bottom>
      <diagonal/>
    </border>
    <border>
      <left style="thin">
        <color indexed="64"/>
      </left>
      <right/>
      <top style="medium">
        <color indexed="64"/>
      </top>
      <bottom/>
      <diagonal/>
    </border>
    <border>
      <left/>
      <right style="thin">
        <color indexed="64"/>
      </right>
      <top style="medium">
        <color indexed="64"/>
      </top>
      <bottom/>
      <diagonal/>
    </border>
  </borders>
  <cellStyleXfs count="11">
    <xf numFmtId="0" fontId="0" fillId="0" borderId="0">
      <alignment vertical="center"/>
    </xf>
    <xf numFmtId="0" fontId="7" fillId="0" borderId="0"/>
    <xf numFmtId="0" fontId="8" fillId="0" borderId="0">
      <alignment vertical="center"/>
    </xf>
    <xf numFmtId="0" fontId="8" fillId="0" borderId="0">
      <alignment vertical="center"/>
    </xf>
    <xf numFmtId="0" fontId="5" fillId="0" borderId="0">
      <alignment vertical="center"/>
    </xf>
    <xf numFmtId="0" fontId="4" fillId="0" borderId="0">
      <alignment vertical="center"/>
    </xf>
    <xf numFmtId="0" fontId="3" fillId="0" borderId="0">
      <alignment vertical="center"/>
    </xf>
    <xf numFmtId="0" fontId="10" fillId="0" borderId="0">
      <alignment vertical="center" wrapText="1"/>
    </xf>
    <xf numFmtId="0" fontId="2" fillId="0" borderId="0">
      <alignment vertical="center"/>
    </xf>
    <xf numFmtId="0" fontId="56" fillId="0" borderId="0">
      <alignment vertical="center"/>
    </xf>
    <xf numFmtId="0" fontId="1" fillId="0" borderId="0">
      <alignment vertical="center"/>
    </xf>
  </cellStyleXfs>
  <cellXfs count="702">
    <xf numFmtId="0" fontId="0" fillId="0" borderId="0" xfId="0">
      <alignment vertical="center"/>
    </xf>
    <xf numFmtId="0" fontId="12" fillId="0" borderId="0" xfId="0" applyFont="1" applyFill="1" applyAlignment="1">
      <alignment horizontal="left" vertical="center"/>
    </xf>
    <xf numFmtId="0" fontId="12" fillId="0" borderId="0" xfId="0" applyFont="1" applyFill="1" applyAlignment="1">
      <alignment horizontal="right" vertical="center" shrinkToFit="1"/>
    </xf>
    <xf numFmtId="0" fontId="13" fillId="0" borderId="0" xfId="0" applyFont="1" applyFill="1" applyAlignment="1">
      <alignment horizontal="left" vertical="center"/>
    </xf>
    <xf numFmtId="0" fontId="14" fillId="0" borderId="0" xfId="0" applyFont="1" applyFill="1" applyAlignment="1">
      <alignment horizontal="left" vertical="center"/>
    </xf>
    <xf numFmtId="0" fontId="12" fillId="0" borderId="0" xfId="0" applyNumberFormat="1" applyFont="1" applyFill="1" applyBorder="1" applyAlignment="1" applyProtection="1">
      <alignment horizontal="right" vertical="center"/>
    </xf>
    <xf numFmtId="0" fontId="12" fillId="0" borderId="0" xfId="0" applyNumberFormat="1" applyFont="1" applyFill="1" applyBorder="1" applyAlignment="1" applyProtection="1">
      <alignment horizontal="center" vertical="center"/>
    </xf>
    <xf numFmtId="0" fontId="17" fillId="0" borderId="0" xfId="0" applyFont="1" applyFill="1" applyAlignment="1">
      <alignment horizontal="left" vertical="center"/>
    </xf>
    <xf numFmtId="0" fontId="16" fillId="0" borderId="0" xfId="0" applyFont="1" applyFill="1" applyAlignment="1">
      <alignment horizontal="left" vertical="center"/>
    </xf>
    <xf numFmtId="0" fontId="17" fillId="0" borderId="0" xfId="0" applyFont="1" applyFill="1" applyAlignment="1">
      <alignment vertical="center"/>
    </xf>
    <xf numFmtId="0" fontId="18" fillId="0" borderId="0" xfId="0" applyFont="1" applyFill="1" applyAlignment="1">
      <alignment horizontal="left" vertical="center"/>
    </xf>
    <xf numFmtId="0" fontId="17" fillId="0" borderId="0" xfId="0" applyFont="1" applyFill="1" applyAlignment="1">
      <alignment horizontal="left" vertical="center" indent="1"/>
    </xf>
    <xf numFmtId="0" fontId="17" fillId="0" borderId="13" xfId="0" applyNumberFormat="1" applyFont="1" applyFill="1" applyBorder="1" applyAlignment="1">
      <alignment horizontal="center" vertical="center"/>
    </xf>
    <xf numFmtId="0" fontId="17" fillId="0" borderId="13" xfId="0" applyFont="1" applyFill="1" applyBorder="1" applyAlignment="1">
      <alignment horizontal="center" vertical="center" wrapText="1" shrinkToFit="1"/>
    </xf>
    <xf numFmtId="0" fontId="17" fillId="0" borderId="14" xfId="0" applyFont="1" applyFill="1" applyBorder="1" applyAlignment="1" applyProtection="1">
      <alignment horizontal="center" vertical="center"/>
    </xf>
    <xf numFmtId="0" fontId="17" fillId="0" borderId="4" xfId="0" applyFont="1" applyFill="1" applyBorder="1" applyAlignment="1" applyProtection="1">
      <alignment horizontal="center" vertical="center"/>
    </xf>
    <xf numFmtId="0" fontId="17" fillId="0" borderId="14" xfId="0" applyFont="1" applyFill="1" applyBorder="1" applyAlignment="1">
      <alignment horizontal="center" vertical="center"/>
    </xf>
    <xf numFmtId="0" fontId="17" fillId="0" borderId="0" xfId="0" applyFont="1" applyFill="1" applyBorder="1" applyAlignment="1" applyProtection="1">
      <alignment horizontal="center" vertical="center"/>
    </xf>
    <xf numFmtId="0" fontId="17" fillId="0" borderId="11" xfId="0" applyFont="1" applyFill="1" applyBorder="1" applyAlignment="1">
      <alignment horizontal="center" vertical="center"/>
    </xf>
    <xf numFmtId="0" fontId="17" fillId="0" borderId="0" xfId="0" applyFont="1" applyFill="1" applyAlignment="1">
      <alignment horizontal="left" vertical="center" indent="7"/>
    </xf>
    <xf numFmtId="0" fontId="17" fillId="0" borderId="0" xfId="2" applyFont="1" applyFill="1" applyAlignment="1" applyProtection="1">
      <alignment horizontal="left" vertical="center" indent="7"/>
    </xf>
    <xf numFmtId="0" fontId="7" fillId="3" borderId="19" xfId="0" applyFont="1" applyFill="1" applyBorder="1" applyAlignment="1">
      <alignment horizontal="center" vertical="center" wrapText="1"/>
    </xf>
    <xf numFmtId="0" fontId="7" fillId="3" borderId="9" xfId="0" applyFont="1" applyFill="1" applyBorder="1" applyAlignment="1">
      <alignment horizontal="center" vertical="center" wrapText="1"/>
    </xf>
    <xf numFmtId="0" fontId="15" fillId="0" borderId="0" xfId="0" applyFont="1" applyBorder="1" applyAlignment="1">
      <alignment horizontal="right" vertical="center"/>
    </xf>
    <xf numFmtId="0" fontId="7" fillId="3" borderId="29" xfId="0" applyFont="1" applyFill="1" applyBorder="1" applyAlignment="1">
      <alignment horizontal="center" vertical="center" wrapText="1"/>
    </xf>
    <xf numFmtId="0" fontId="17" fillId="4" borderId="0" xfId="0" applyFont="1" applyFill="1">
      <alignment vertical="center"/>
    </xf>
    <xf numFmtId="0" fontId="17" fillId="0" borderId="11" xfId="6" applyFont="1" applyFill="1" applyBorder="1" applyAlignment="1">
      <alignment vertical="center" wrapText="1"/>
    </xf>
    <xf numFmtId="0" fontId="12" fillId="0" borderId="10" xfId="6" applyFont="1" applyFill="1" applyBorder="1" applyAlignment="1">
      <alignment vertical="center" wrapText="1"/>
    </xf>
    <xf numFmtId="0" fontId="17" fillId="0" borderId="6" xfId="0" applyFont="1" applyFill="1" applyBorder="1">
      <alignment vertical="center"/>
    </xf>
    <xf numFmtId="0" fontId="22" fillId="0" borderId="0" xfId="0" applyFont="1" applyFill="1">
      <alignment vertical="center"/>
    </xf>
    <xf numFmtId="0" fontId="18" fillId="0" borderId="0" xfId="0" applyFont="1" applyFill="1">
      <alignment vertical="center"/>
    </xf>
    <xf numFmtId="0" fontId="17" fillId="0" borderId="0" xfId="0" applyFont="1" applyFill="1">
      <alignment vertical="center"/>
    </xf>
    <xf numFmtId="0" fontId="7" fillId="3" borderId="25" xfId="0" applyFont="1" applyFill="1" applyBorder="1" applyAlignment="1">
      <alignment horizontal="center" vertical="center"/>
    </xf>
    <xf numFmtId="0" fontId="30" fillId="0" borderId="0" xfId="0" applyFont="1" applyBorder="1">
      <alignment vertical="center"/>
    </xf>
    <xf numFmtId="0" fontId="7" fillId="0" borderId="0" xfId="0" applyFont="1" applyBorder="1" applyAlignment="1">
      <alignment vertical="center" wrapText="1"/>
    </xf>
    <xf numFmtId="0" fontId="7" fillId="0" borderId="0" xfId="0" applyFont="1" applyBorder="1">
      <alignment vertical="center"/>
    </xf>
    <xf numFmtId="0" fontId="7" fillId="0" borderId="0" xfId="0" applyFont="1">
      <alignment vertical="center"/>
    </xf>
    <xf numFmtId="0" fontId="7" fillId="3" borderId="24" xfId="0" applyFont="1" applyFill="1" applyBorder="1" applyAlignment="1">
      <alignment horizontal="center" vertical="center"/>
    </xf>
    <xf numFmtId="0" fontId="7" fillId="3" borderId="25" xfId="0" applyFont="1" applyFill="1" applyBorder="1" applyAlignment="1">
      <alignment horizontal="center" vertical="center" wrapText="1"/>
    </xf>
    <xf numFmtId="0" fontId="25" fillId="0" borderId="22" xfId="1" applyFont="1" applyFill="1" applyBorder="1" applyAlignment="1">
      <alignment vertical="center" wrapText="1"/>
    </xf>
    <xf numFmtId="0" fontId="7" fillId="0" borderId="22" xfId="0" applyFont="1" applyFill="1" applyBorder="1" applyAlignment="1">
      <alignment vertical="center" wrapText="1"/>
    </xf>
    <xf numFmtId="0" fontId="25" fillId="0" borderId="23" xfId="0" applyFont="1" applyFill="1" applyBorder="1" applyAlignment="1">
      <alignment vertical="center" wrapText="1"/>
    </xf>
    <xf numFmtId="0" fontId="17" fillId="0" borderId="12" xfId="6" applyFont="1" applyFill="1" applyBorder="1" applyAlignment="1">
      <alignment vertical="center" wrapText="1"/>
    </xf>
    <xf numFmtId="0" fontId="7" fillId="0" borderId="23" xfId="0" applyFont="1" applyFill="1" applyBorder="1" applyAlignment="1">
      <alignment horizontal="center" vertical="center" wrapText="1"/>
    </xf>
    <xf numFmtId="0" fontId="7" fillId="0" borderId="27" xfId="0" applyFont="1" applyFill="1" applyBorder="1" applyAlignment="1">
      <alignment horizontal="center" vertical="center" wrapText="1"/>
    </xf>
    <xf numFmtId="0" fontId="7" fillId="0" borderId="5" xfId="0" applyFont="1" applyFill="1" applyBorder="1" applyAlignment="1">
      <alignment vertical="center" wrapText="1"/>
    </xf>
    <xf numFmtId="0" fontId="7" fillId="0" borderId="23" xfId="0" applyFont="1" applyBorder="1" applyAlignment="1">
      <alignment horizontal="center" vertical="center" wrapText="1"/>
    </xf>
    <xf numFmtId="0" fontId="7" fillId="0" borderId="9" xfId="0" applyFont="1" applyFill="1" applyBorder="1" applyAlignment="1">
      <alignment horizontal="center" vertical="center" wrapText="1"/>
    </xf>
    <xf numFmtId="0" fontId="7" fillId="0" borderId="1" xfId="0" applyFont="1" applyBorder="1">
      <alignment vertical="center"/>
    </xf>
    <xf numFmtId="0" fontId="7" fillId="0" borderId="0" xfId="0" applyFont="1" applyFill="1">
      <alignment vertical="center"/>
    </xf>
    <xf numFmtId="0" fontId="30" fillId="0" borderId="0" xfId="0" applyFont="1" applyFill="1">
      <alignment vertical="center"/>
    </xf>
    <xf numFmtId="0" fontId="7" fillId="0" borderId="13" xfId="0" applyFont="1" applyFill="1" applyBorder="1" applyAlignment="1">
      <alignment horizontal="center" vertical="center"/>
    </xf>
    <xf numFmtId="0" fontId="30" fillId="0" borderId="0" xfId="0" applyFont="1" applyFill="1" applyBorder="1">
      <alignment vertical="center"/>
    </xf>
    <xf numFmtId="0" fontId="7" fillId="0" borderId="0" xfId="0" applyFont="1" applyFill="1" applyBorder="1">
      <alignment vertical="center"/>
    </xf>
    <xf numFmtId="0" fontId="7" fillId="0" borderId="12" xfId="0" applyFont="1" applyFill="1" applyBorder="1">
      <alignment vertical="center"/>
    </xf>
    <xf numFmtId="0" fontId="7" fillId="0" borderId="10" xfId="0" applyFont="1" applyFill="1" applyBorder="1">
      <alignment vertical="center"/>
    </xf>
    <xf numFmtId="0" fontId="7" fillId="0" borderId="9" xfId="0" applyFont="1" applyFill="1" applyBorder="1">
      <alignment vertical="center"/>
    </xf>
    <xf numFmtId="0" fontId="7" fillId="0" borderId="1" xfId="0" applyFont="1" applyFill="1" applyBorder="1">
      <alignment vertical="center"/>
    </xf>
    <xf numFmtId="0" fontId="7" fillId="0" borderId="3" xfId="0" applyFont="1" applyFill="1" applyBorder="1">
      <alignment vertical="center"/>
    </xf>
    <xf numFmtId="0" fontId="37" fillId="0" borderId="0" xfId="0" applyFont="1" applyFill="1">
      <alignment vertical="center"/>
    </xf>
    <xf numFmtId="0" fontId="37" fillId="0" borderId="0" xfId="0" applyFont="1" applyFill="1" applyBorder="1">
      <alignment vertical="center"/>
    </xf>
    <xf numFmtId="0" fontId="14" fillId="0" borderId="0" xfId="0" applyFont="1" applyFill="1">
      <alignment vertical="center"/>
    </xf>
    <xf numFmtId="0" fontId="12" fillId="0" borderId="0" xfId="0" applyFont="1" applyFill="1">
      <alignment vertical="center"/>
    </xf>
    <xf numFmtId="0" fontId="30" fillId="0" borderId="0" xfId="6" applyFont="1" applyFill="1" applyBorder="1">
      <alignment vertical="center"/>
    </xf>
    <xf numFmtId="0" fontId="14" fillId="0" borderId="0" xfId="6" applyFont="1" applyFill="1" applyBorder="1">
      <alignment vertical="center"/>
    </xf>
    <xf numFmtId="0" fontId="12" fillId="0" borderId="0" xfId="6" applyFont="1" applyFill="1" applyBorder="1">
      <alignment vertical="center"/>
    </xf>
    <xf numFmtId="0" fontId="12" fillId="0" borderId="0" xfId="6" applyFont="1" applyFill="1" applyBorder="1" applyAlignment="1">
      <alignment horizontal="center" vertical="center"/>
    </xf>
    <xf numFmtId="0" fontId="12" fillId="0" borderId="0" xfId="6" applyFont="1" applyFill="1" applyBorder="1" applyAlignment="1">
      <alignment vertical="center" wrapText="1"/>
    </xf>
    <xf numFmtId="0" fontId="18" fillId="0" borderId="0" xfId="6" applyFont="1" applyFill="1" applyBorder="1">
      <alignment vertical="center"/>
    </xf>
    <xf numFmtId="0" fontId="17" fillId="0" borderId="0" xfId="6" applyFont="1" applyFill="1" applyBorder="1">
      <alignment vertical="center"/>
    </xf>
    <xf numFmtId="0" fontId="17" fillId="0" borderId="0" xfId="6" applyFont="1" applyFill="1" applyBorder="1" applyAlignment="1">
      <alignment horizontal="center" vertical="center"/>
    </xf>
    <xf numFmtId="0" fontId="17" fillId="0" borderId="0" xfId="6" applyFont="1" applyFill="1" applyBorder="1" applyAlignment="1">
      <alignment vertical="center" wrapText="1"/>
    </xf>
    <xf numFmtId="0" fontId="14" fillId="0" borderId="0" xfId="6" applyFont="1" applyFill="1" applyBorder="1" applyAlignment="1">
      <alignment horizontal="left" vertical="center" indent="1"/>
    </xf>
    <xf numFmtId="0" fontId="30" fillId="0" borderId="0" xfId="6" applyFont="1" applyFill="1" applyAlignment="1">
      <alignment horizontal="center" vertical="center"/>
    </xf>
    <xf numFmtId="0" fontId="18" fillId="0" borderId="0" xfId="6" applyFont="1" applyFill="1" applyAlignment="1">
      <alignment horizontal="center" vertical="center"/>
    </xf>
    <xf numFmtId="0" fontId="17" fillId="0" borderId="0" xfId="6" applyFont="1" applyFill="1" applyAlignment="1">
      <alignment horizontal="center" vertical="center"/>
    </xf>
    <xf numFmtId="0" fontId="17" fillId="0" borderId="13" xfId="6" applyFont="1" applyFill="1" applyBorder="1" applyAlignment="1">
      <alignment horizontal="center" vertical="center"/>
    </xf>
    <xf numFmtId="0" fontId="17" fillId="0" borderId="13" xfId="6" applyFont="1" applyFill="1" applyBorder="1" applyAlignment="1">
      <alignment horizontal="center" vertical="center" wrapText="1"/>
    </xf>
    <xf numFmtId="0" fontId="7" fillId="0" borderId="0" xfId="0" applyFont="1" applyFill="1" applyAlignment="1">
      <alignment horizontal="center" vertical="center"/>
    </xf>
    <xf numFmtId="0" fontId="30" fillId="0" borderId="0" xfId="6" applyFont="1" applyFill="1">
      <alignment vertical="center"/>
    </xf>
    <xf numFmtId="0" fontId="18" fillId="0" borderId="0" xfId="6" applyFont="1" applyFill="1">
      <alignment vertical="center"/>
    </xf>
    <xf numFmtId="0" fontId="17" fillId="0" borderId="0" xfId="6" applyFont="1" applyFill="1">
      <alignment vertical="center"/>
    </xf>
    <xf numFmtId="0" fontId="17" fillId="0" borderId="12" xfId="6" applyFont="1" applyFill="1" applyBorder="1" applyAlignment="1">
      <alignment horizontal="center" vertical="center"/>
    </xf>
    <xf numFmtId="0" fontId="12" fillId="0" borderId="10" xfId="6" applyFont="1" applyFill="1" applyBorder="1" applyAlignment="1">
      <alignment horizontal="center" vertical="center"/>
    </xf>
    <xf numFmtId="0" fontId="17" fillId="0" borderId="11" xfId="6" applyFont="1" applyFill="1" applyBorder="1" applyAlignment="1">
      <alignment horizontal="center" vertical="center"/>
    </xf>
    <xf numFmtId="0" fontId="13" fillId="0" borderId="0" xfId="6" applyFont="1" applyFill="1" applyBorder="1" applyAlignment="1">
      <alignment horizontal="left" vertical="center" wrapText="1"/>
    </xf>
    <xf numFmtId="0" fontId="25" fillId="0" borderId="22" xfId="0" applyFont="1" applyFill="1" applyBorder="1" applyAlignment="1">
      <alignment vertical="center" wrapText="1"/>
    </xf>
    <xf numFmtId="0" fontId="25" fillId="0" borderId="28" xfId="0" applyFont="1" applyFill="1" applyBorder="1" applyAlignment="1">
      <alignment vertical="center" wrapText="1"/>
    </xf>
    <xf numFmtId="0" fontId="7" fillId="0" borderId="21" xfId="0" applyFont="1" applyBorder="1" applyAlignment="1">
      <alignment vertical="center" wrapText="1"/>
    </xf>
    <xf numFmtId="0" fontId="7" fillId="0" borderId="26" xfId="0" applyFont="1" applyBorder="1">
      <alignment vertical="center"/>
    </xf>
    <xf numFmtId="0" fontId="7" fillId="0" borderId="12" xfId="0" applyFont="1" applyBorder="1">
      <alignment vertical="center"/>
    </xf>
    <xf numFmtId="0" fontId="7" fillId="0" borderId="10" xfId="0" applyFont="1" applyBorder="1">
      <alignment vertical="center"/>
    </xf>
    <xf numFmtId="0" fontId="7" fillId="0" borderId="28" xfId="0" applyFont="1" applyFill="1" applyBorder="1" applyAlignment="1">
      <alignment vertical="center" wrapText="1"/>
    </xf>
    <xf numFmtId="0" fontId="7" fillId="0" borderId="4" xfId="0" applyFont="1" applyFill="1" applyBorder="1">
      <alignment vertical="center"/>
    </xf>
    <xf numFmtId="0" fontId="17" fillId="0" borderId="22" xfId="0" applyFont="1" applyFill="1" applyBorder="1" applyAlignment="1">
      <alignment vertical="center" wrapText="1"/>
    </xf>
    <xf numFmtId="0" fontId="7" fillId="0" borderId="22" xfId="0" applyFont="1" applyBorder="1" applyAlignment="1">
      <alignment vertical="center" wrapText="1"/>
    </xf>
    <xf numFmtId="0" fontId="7" fillId="0" borderId="23" xfId="0" applyFont="1" applyFill="1" applyBorder="1" applyAlignment="1">
      <alignment vertical="center" wrapText="1"/>
    </xf>
    <xf numFmtId="0" fontId="7" fillId="0" borderId="4" xfId="0" applyFont="1" applyFill="1" applyBorder="1" applyAlignment="1">
      <alignment vertical="center" wrapText="1"/>
    </xf>
    <xf numFmtId="0" fontId="18" fillId="0" borderId="0" xfId="0" applyFont="1" applyBorder="1">
      <alignment vertical="center"/>
    </xf>
    <xf numFmtId="0" fontId="17" fillId="0" borderId="0" xfId="0" applyFont="1" applyBorder="1" applyAlignment="1">
      <alignment horizontal="center" vertical="center"/>
    </xf>
    <xf numFmtId="0" fontId="17" fillId="0" borderId="0" xfId="0" applyFont="1" applyBorder="1">
      <alignment vertical="center"/>
    </xf>
    <xf numFmtId="177" fontId="17" fillId="0" borderId="0" xfId="0" applyNumberFormat="1" applyFont="1" applyFill="1" applyBorder="1" applyAlignment="1">
      <alignment horizontal="center" vertical="center"/>
    </xf>
    <xf numFmtId="0" fontId="17" fillId="0" borderId="0" xfId="0" applyFont="1" applyBorder="1" applyAlignment="1">
      <alignment vertical="center" wrapText="1"/>
    </xf>
    <xf numFmtId="0" fontId="14" fillId="0" borderId="0" xfId="0" applyFont="1" applyBorder="1">
      <alignment vertical="center"/>
    </xf>
    <xf numFmtId="0" fontId="12" fillId="0" borderId="0" xfId="0" applyFont="1" applyBorder="1" applyAlignment="1">
      <alignment horizontal="center" vertical="center"/>
    </xf>
    <xf numFmtId="0" fontId="12" fillId="0" borderId="0" xfId="0" applyFont="1" applyBorder="1">
      <alignment vertical="center"/>
    </xf>
    <xf numFmtId="177" fontId="12" fillId="0" borderId="0" xfId="0" applyNumberFormat="1" applyFont="1" applyFill="1" applyBorder="1" applyAlignment="1">
      <alignment horizontal="center" vertical="center"/>
    </xf>
    <xf numFmtId="0" fontId="12" fillId="0" borderId="0" xfId="0" applyFont="1" applyBorder="1" applyAlignment="1">
      <alignment vertical="center" wrapText="1"/>
    </xf>
    <xf numFmtId="0" fontId="37" fillId="0" borderId="0" xfId="0" applyFont="1" applyBorder="1">
      <alignment vertical="center"/>
    </xf>
    <xf numFmtId="0" fontId="17" fillId="0" borderId="5" xfId="0" applyFont="1" applyBorder="1">
      <alignment vertical="center"/>
    </xf>
    <xf numFmtId="177" fontId="17" fillId="0" borderId="13" xfId="0" applyNumberFormat="1" applyFont="1" applyFill="1" applyBorder="1" applyAlignment="1">
      <alignment horizontal="center" vertical="center"/>
    </xf>
    <xf numFmtId="0" fontId="17" fillId="0" borderId="15" xfId="0" applyFont="1" applyBorder="1" applyAlignment="1">
      <alignment vertical="center" wrapText="1"/>
    </xf>
    <xf numFmtId="0" fontId="17" fillId="0" borderId="6" xfId="0" applyFont="1" applyBorder="1" applyAlignment="1">
      <alignment horizontal="center" vertical="center"/>
    </xf>
    <xf numFmtId="0" fontId="17" fillId="0" borderId="8" xfId="0" applyFont="1" applyBorder="1">
      <alignment vertical="center"/>
    </xf>
    <xf numFmtId="0" fontId="17" fillId="0" borderId="8" xfId="0" applyFont="1" applyBorder="1" applyAlignment="1">
      <alignment horizontal="center" vertical="center"/>
    </xf>
    <xf numFmtId="177" fontId="17" fillId="0" borderId="8" xfId="0" applyNumberFormat="1" applyFont="1" applyFill="1" applyBorder="1" applyAlignment="1">
      <alignment horizontal="center" vertical="center"/>
    </xf>
    <xf numFmtId="0" fontId="17" fillId="0" borderId="1" xfId="0" applyFont="1" applyBorder="1" applyAlignment="1">
      <alignment horizontal="center" vertical="center"/>
    </xf>
    <xf numFmtId="0" fontId="17" fillId="0" borderId="2" xfId="0" applyFont="1" applyBorder="1">
      <alignment vertical="center"/>
    </xf>
    <xf numFmtId="0" fontId="17" fillId="0" borderId="6" xfId="0" applyFont="1" applyBorder="1" applyAlignment="1">
      <alignment vertical="center" wrapText="1"/>
    </xf>
    <xf numFmtId="0" fontId="12" fillId="0" borderId="1" xfId="0" applyFont="1" applyBorder="1" applyAlignment="1">
      <alignment horizontal="center" vertical="center"/>
    </xf>
    <xf numFmtId="0" fontId="12" fillId="0" borderId="2" xfId="0" applyFont="1" applyBorder="1">
      <alignment vertical="center"/>
    </xf>
    <xf numFmtId="177" fontId="12" fillId="0" borderId="10" xfId="0" applyNumberFormat="1" applyFont="1" applyFill="1" applyBorder="1" applyAlignment="1">
      <alignment horizontal="center" vertical="center"/>
    </xf>
    <xf numFmtId="0" fontId="12" fillId="0" borderId="3" xfId="0" applyFont="1" applyBorder="1" applyAlignment="1">
      <alignment vertical="center" wrapText="1"/>
    </xf>
    <xf numFmtId="0" fontId="12" fillId="0" borderId="12" xfId="0" applyFont="1" applyBorder="1" applyAlignment="1">
      <alignment horizontal="center" vertical="center"/>
    </xf>
    <xf numFmtId="177" fontId="12" fillId="0" borderId="12" xfId="0" applyNumberFormat="1" applyFont="1" applyFill="1" applyBorder="1" applyAlignment="1">
      <alignment horizontal="center" vertical="center"/>
    </xf>
    <xf numFmtId="177" fontId="17" fillId="0" borderId="12" xfId="0" applyNumberFormat="1" applyFont="1" applyFill="1" applyBorder="1" applyAlignment="1">
      <alignment horizontal="center" vertical="center"/>
    </xf>
    <xf numFmtId="0" fontId="17" fillId="0" borderId="6" xfId="0" applyFont="1" applyBorder="1" applyAlignment="1">
      <alignment horizontal="left" vertical="center" wrapText="1" indent="1"/>
    </xf>
    <xf numFmtId="0" fontId="17" fillId="0" borderId="11" xfId="0" applyFont="1" applyBorder="1" applyAlignment="1">
      <alignment horizontal="center" vertical="center"/>
    </xf>
    <xf numFmtId="0" fontId="12" fillId="0" borderId="1" xfId="0" applyFont="1" applyBorder="1" applyAlignment="1">
      <alignment vertical="center" wrapText="1"/>
    </xf>
    <xf numFmtId="0" fontId="17" fillId="0" borderId="14" xfId="0" applyFont="1" applyBorder="1">
      <alignment vertical="center"/>
    </xf>
    <xf numFmtId="0" fontId="12" fillId="0" borderId="3" xfId="0" applyFont="1" applyBorder="1" applyAlignment="1">
      <alignment horizontal="center" vertical="center"/>
    </xf>
    <xf numFmtId="0" fontId="12" fillId="0" borderId="4" xfId="0" applyFont="1" applyBorder="1">
      <alignment vertical="center"/>
    </xf>
    <xf numFmtId="0" fontId="12" fillId="0" borderId="10" xfId="0" applyFont="1" applyBorder="1" applyAlignment="1">
      <alignment horizontal="center" vertical="center"/>
    </xf>
    <xf numFmtId="0" fontId="12" fillId="0" borderId="0" xfId="6" applyFont="1" applyBorder="1">
      <alignment vertical="center"/>
    </xf>
    <xf numFmtId="0" fontId="17" fillId="0" borderId="6" xfId="0" applyFont="1" applyBorder="1" applyAlignment="1">
      <alignment horizontal="left" vertical="center" wrapText="1"/>
    </xf>
    <xf numFmtId="0" fontId="12" fillId="0" borderId="1" xfId="0" applyFont="1" applyBorder="1" applyAlignment="1" applyProtection="1">
      <alignment horizontal="center" vertical="center" wrapText="1"/>
      <protection locked="0"/>
    </xf>
    <xf numFmtId="0" fontId="12" fillId="0" borderId="0" xfId="7" applyFont="1">
      <alignment vertical="center" wrapText="1"/>
    </xf>
    <xf numFmtId="0" fontId="17" fillId="0" borderId="13" xfId="0" applyFont="1" applyBorder="1" applyAlignment="1">
      <alignment vertical="center" wrapText="1"/>
    </xf>
    <xf numFmtId="0" fontId="17" fillId="0" borderId="13" xfId="0" applyFont="1" applyBorder="1" applyAlignment="1">
      <alignment horizontal="center" vertical="center" wrapText="1"/>
    </xf>
    <xf numFmtId="0" fontId="17" fillId="0" borderId="18" xfId="0" applyFont="1" applyBorder="1">
      <alignment vertical="center"/>
    </xf>
    <xf numFmtId="0" fontId="12" fillId="0" borderId="10" xfId="0" applyFont="1" applyBorder="1" applyAlignment="1">
      <alignment vertical="center" wrapText="1"/>
    </xf>
    <xf numFmtId="0" fontId="17" fillId="0" borderId="11" xfId="0" applyFont="1" applyBorder="1" applyAlignment="1">
      <alignment horizontal="right" vertical="center" wrapText="1"/>
    </xf>
    <xf numFmtId="0" fontId="17" fillId="0" borderId="12" xfId="0" applyFont="1" applyBorder="1" applyAlignment="1">
      <alignment horizontal="right" vertical="center" wrapText="1"/>
    </xf>
    <xf numFmtId="0" fontId="12" fillId="0" borderId="12" xfId="0" applyFont="1" applyBorder="1" applyAlignment="1">
      <alignment horizontal="right" vertical="center" wrapText="1"/>
    </xf>
    <xf numFmtId="0" fontId="17" fillId="0" borderId="4" xfId="0" applyFont="1" applyBorder="1">
      <alignment vertical="center"/>
    </xf>
    <xf numFmtId="0" fontId="17" fillId="0" borderId="11" xfId="0" applyFont="1" applyBorder="1" applyAlignment="1">
      <alignment horizontal="left" vertical="center" wrapText="1" indent="1"/>
    </xf>
    <xf numFmtId="0" fontId="12" fillId="0" borderId="12" xfId="0" applyFont="1" applyBorder="1" applyAlignment="1">
      <alignment vertical="center" wrapText="1"/>
    </xf>
    <xf numFmtId="0" fontId="12" fillId="0" borderId="10" xfId="0" applyFont="1" applyBorder="1" applyAlignment="1">
      <alignment horizontal="left" vertical="center" wrapText="1" indent="2"/>
    </xf>
    <xf numFmtId="0" fontId="17" fillId="0" borderId="11" xfId="0" applyFont="1" applyFill="1" applyBorder="1" applyAlignment="1">
      <alignment vertical="center" wrapText="1"/>
    </xf>
    <xf numFmtId="0" fontId="17" fillId="0" borderId="10" xfId="0" applyFont="1" applyBorder="1">
      <alignment vertical="center"/>
    </xf>
    <xf numFmtId="0" fontId="43" fillId="0" borderId="0" xfId="0" applyFont="1" applyBorder="1">
      <alignment vertical="center"/>
    </xf>
    <xf numFmtId="0" fontId="12" fillId="0" borderId="12" xfId="6" applyFont="1" applyFill="1" applyBorder="1" applyAlignment="1">
      <alignment horizontal="center" vertical="center"/>
    </xf>
    <xf numFmtId="0" fontId="12" fillId="0" borderId="12" xfId="6" applyFont="1" applyFill="1" applyBorder="1" applyAlignment="1">
      <alignment vertical="center" wrapText="1"/>
    </xf>
    <xf numFmtId="0" fontId="17" fillId="0" borderId="12" xfId="6" applyFont="1" applyFill="1" applyBorder="1" applyAlignment="1">
      <alignment horizontal="right" vertical="center" wrapText="1"/>
    </xf>
    <xf numFmtId="0" fontId="12" fillId="0" borderId="12" xfId="6" applyFont="1" applyFill="1" applyBorder="1" applyAlignment="1">
      <alignment horizontal="right" vertical="center" wrapText="1"/>
    </xf>
    <xf numFmtId="0" fontId="12" fillId="0" borderId="10" xfId="6" applyFont="1" applyFill="1" applyBorder="1" applyAlignment="1">
      <alignment horizontal="right" vertical="center" wrapText="1"/>
    </xf>
    <xf numFmtId="0" fontId="7" fillId="0" borderId="0" xfId="0" applyFont="1" applyFill="1" applyBorder="1" applyAlignment="1">
      <alignment horizontal="center" vertical="center"/>
    </xf>
    <xf numFmtId="176" fontId="17" fillId="0" borderId="5" xfId="0" applyNumberFormat="1" applyFont="1" applyFill="1" applyBorder="1" applyAlignment="1" applyProtection="1">
      <alignment horizontal="left" vertical="center" shrinkToFit="1"/>
      <protection locked="0"/>
    </xf>
    <xf numFmtId="0" fontId="17" fillId="0" borderId="5" xfId="0" applyFont="1" applyFill="1" applyBorder="1" applyAlignment="1" applyProtection="1">
      <alignment horizontal="left" vertical="center" shrinkToFit="1"/>
      <protection locked="0"/>
    </xf>
    <xf numFmtId="0" fontId="17" fillId="0" borderId="7" xfId="0" applyFont="1" applyFill="1" applyBorder="1" applyAlignment="1" applyProtection="1">
      <alignment horizontal="left" vertical="center" shrinkToFit="1"/>
      <protection locked="0"/>
    </xf>
    <xf numFmtId="0" fontId="48" fillId="2" borderId="11" xfId="0" applyFont="1" applyFill="1" applyBorder="1" applyAlignment="1">
      <alignment horizontal="center" vertical="center"/>
    </xf>
    <xf numFmtId="0" fontId="50" fillId="2" borderId="10" xfId="0" applyFont="1" applyFill="1" applyBorder="1" applyAlignment="1">
      <alignment horizontal="center" vertical="center"/>
    </xf>
    <xf numFmtId="0" fontId="50" fillId="2" borderId="12" xfId="0" applyFont="1" applyFill="1" applyBorder="1" applyAlignment="1">
      <alignment horizontal="center" vertical="center"/>
    </xf>
    <xf numFmtId="0" fontId="17" fillId="0" borderId="1" xfId="0" applyFont="1" applyFill="1" applyBorder="1">
      <alignment vertical="center"/>
    </xf>
    <xf numFmtId="0" fontId="17" fillId="0" borderId="6" xfId="0" applyFont="1" applyFill="1" applyBorder="1" applyAlignment="1">
      <alignment vertical="center"/>
    </xf>
    <xf numFmtId="0" fontId="17" fillId="0" borderId="0" xfId="0" applyFont="1" applyFill="1" applyBorder="1">
      <alignment vertical="center"/>
    </xf>
    <xf numFmtId="0" fontId="17" fillId="4" borderId="6" xfId="0" applyFont="1" applyFill="1" applyBorder="1">
      <alignment vertical="center"/>
    </xf>
    <xf numFmtId="0" fontId="17" fillId="4" borderId="0" xfId="0" applyFont="1" applyFill="1" applyBorder="1">
      <alignment vertical="center"/>
    </xf>
    <xf numFmtId="0" fontId="17" fillId="4" borderId="8" xfId="0" applyFont="1" applyFill="1" applyBorder="1">
      <alignment vertical="center"/>
    </xf>
    <xf numFmtId="49" fontId="7" fillId="4" borderId="19" xfId="0" applyNumberFormat="1" applyFont="1" applyFill="1" applyBorder="1" applyAlignment="1">
      <alignment horizontal="center" vertical="center" wrapText="1"/>
    </xf>
    <xf numFmtId="0" fontId="53" fillId="0" borderId="5" xfId="0" applyFont="1" applyFill="1" applyBorder="1" applyAlignment="1" applyProtection="1">
      <alignment horizontal="left" vertical="center" shrinkToFit="1"/>
      <protection locked="0"/>
    </xf>
    <xf numFmtId="0" fontId="54" fillId="0" borderId="0" xfId="0" applyFont="1" applyBorder="1" applyAlignment="1">
      <alignment horizontal="center" vertical="center" wrapText="1"/>
    </xf>
    <xf numFmtId="0" fontId="54" fillId="0" borderId="0" xfId="0" applyFont="1" applyAlignment="1">
      <alignment horizontal="center" vertical="center"/>
    </xf>
    <xf numFmtId="0" fontId="7" fillId="0" borderId="27" xfId="0" applyFont="1" applyBorder="1" applyAlignment="1">
      <alignment horizontal="center" vertical="center" wrapText="1"/>
    </xf>
    <xf numFmtId="0" fontId="7" fillId="0" borderId="33" xfId="0" applyFont="1" applyFill="1" applyBorder="1" applyAlignment="1">
      <alignment vertical="center" wrapText="1"/>
    </xf>
    <xf numFmtId="0" fontId="7" fillId="0" borderId="27" xfId="0" applyFont="1" applyFill="1" applyBorder="1" applyAlignment="1">
      <alignment horizontal="left" vertical="center" wrapText="1"/>
    </xf>
    <xf numFmtId="0" fontId="48" fillId="2" borderId="11" xfId="0" applyFont="1" applyFill="1" applyBorder="1" applyAlignment="1">
      <alignment horizontal="center" vertical="center" wrapText="1"/>
    </xf>
    <xf numFmtId="0" fontId="12" fillId="0" borderId="10" xfId="6" applyFont="1" applyBorder="1" applyAlignment="1">
      <alignment vertical="center" wrapText="1"/>
    </xf>
    <xf numFmtId="0" fontId="30" fillId="0" borderId="0" xfId="6" applyFont="1">
      <alignment vertical="center"/>
    </xf>
    <xf numFmtId="0" fontId="18" fillId="0" borderId="0" xfId="6" applyFont="1">
      <alignment vertical="center"/>
    </xf>
    <xf numFmtId="0" fontId="17" fillId="0" borderId="0" xfId="6" applyFont="1">
      <alignment vertical="center"/>
    </xf>
    <xf numFmtId="0" fontId="17" fillId="0" borderId="11" xfId="6" applyFont="1" applyBorder="1" applyAlignment="1">
      <alignment horizontal="center" vertical="center"/>
    </xf>
    <xf numFmtId="0" fontId="17" fillId="0" borderId="11" xfId="6" applyFont="1" applyBorder="1" applyAlignment="1">
      <alignment vertical="center" wrapText="1"/>
    </xf>
    <xf numFmtId="0" fontId="14" fillId="0" borderId="0" xfId="6" applyFont="1" applyBorder="1">
      <alignment vertical="center"/>
    </xf>
    <xf numFmtId="0" fontId="12" fillId="0" borderId="10" xfId="6" applyFont="1" applyBorder="1" applyAlignment="1">
      <alignment horizontal="center" vertical="center"/>
    </xf>
    <xf numFmtId="0" fontId="17" fillId="0" borderId="6" xfId="0" applyFont="1" applyFill="1" applyBorder="1" applyAlignment="1">
      <alignment horizontal="center" vertical="center"/>
    </xf>
    <xf numFmtId="0" fontId="17" fillId="0" borderId="8" xfId="0" applyFont="1" applyFill="1" applyBorder="1">
      <alignment vertical="center"/>
    </xf>
    <xf numFmtId="0" fontId="17" fillId="0" borderId="8" xfId="0" applyFont="1" applyFill="1" applyBorder="1" applyAlignment="1">
      <alignment horizontal="center" vertical="center"/>
    </xf>
    <xf numFmtId="0" fontId="17" fillId="0" borderId="8" xfId="0" applyFont="1" applyFill="1" applyBorder="1" applyAlignment="1">
      <alignment vertical="center" wrapText="1"/>
    </xf>
    <xf numFmtId="0" fontId="17" fillId="0" borderId="6" xfId="0" applyFont="1" applyFill="1" applyBorder="1" applyAlignment="1">
      <alignment vertical="center" wrapText="1"/>
    </xf>
    <xf numFmtId="0" fontId="12" fillId="0" borderId="3" xfId="0" applyFont="1" applyFill="1" applyBorder="1" applyAlignment="1">
      <alignment vertical="top" wrapText="1"/>
    </xf>
    <xf numFmtId="0" fontId="17" fillId="0" borderId="6" xfId="0" applyFont="1" applyFill="1" applyBorder="1" applyAlignment="1">
      <alignment horizontal="left" vertical="center" wrapText="1"/>
    </xf>
    <xf numFmtId="0" fontId="12" fillId="0" borderId="3" xfId="0" applyFont="1" applyFill="1" applyBorder="1" applyAlignment="1" applyProtection="1">
      <alignment horizontal="center" vertical="center" wrapText="1"/>
      <protection locked="0"/>
    </xf>
    <xf numFmtId="0" fontId="7" fillId="0" borderId="0" xfId="0" applyFont="1" applyAlignment="1">
      <alignment horizontal="center" vertical="center"/>
    </xf>
    <xf numFmtId="0" fontId="7" fillId="0" borderId="33" xfId="0" applyFont="1" applyBorder="1" applyAlignment="1">
      <alignment vertical="center" wrapText="1"/>
    </xf>
    <xf numFmtId="0" fontId="7" fillId="0" borderId="22" xfId="0" applyFont="1" applyFill="1" applyBorder="1" applyAlignment="1">
      <alignment horizontal="center" vertical="center" wrapText="1"/>
    </xf>
    <xf numFmtId="0" fontId="7" fillId="0" borderId="28" xfId="0" applyFont="1" applyFill="1" applyBorder="1" applyAlignment="1">
      <alignment horizontal="center" vertical="center" wrapText="1"/>
    </xf>
    <xf numFmtId="0" fontId="7" fillId="0" borderId="27" xfId="0" applyFont="1" applyFill="1" applyBorder="1" applyAlignment="1">
      <alignment vertical="center" wrapText="1"/>
    </xf>
    <xf numFmtId="0" fontId="7" fillId="0" borderId="32" xfId="0" applyFont="1" applyFill="1" applyBorder="1" applyAlignment="1">
      <alignment vertical="center" wrapText="1"/>
    </xf>
    <xf numFmtId="0" fontId="18" fillId="4" borderId="0" xfId="2" applyFont="1" applyFill="1" applyBorder="1" applyProtection="1">
      <alignment vertical="center"/>
    </xf>
    <xf numFmtId="0" fontId="17" fillId="0" borderId="42" xfId="2" applyFont="1" applyFill="1" applyBorder="1" applyAlignment="1" applyProtection="1">
      <alignment horizontal="center" vertical="center"/>
    </xf>
    <xf numFmtId="0" fontId="17" fillId="0" borderId="10" xfId="2" applyFont="1" applyFill="1" applyBorder="1" applyAlignment="1" applyProtection="1">
      <alignment horizontal="left" vertical="center" wrapText="1"/>
    </xf>
    <xf numFmtId="0" fontId="17" fillId="0" borderId="19" xfId="2" applyFont="1" applyFill="1" applyBorder="1" applyAlignment="1" applyProtection="1">
      <alignment horizontal="center" vertical="center" wrapText="1"/>
    </xf>
    <xf numFmtId="0" fontId="17" fillId="0" borderId="10" xfId="2" applyFont="1" applyFill="1" applyBorder="1" applyAlignment="1" applyProtection="1">
      <alignment vertical="center" wrapText="1"/>
    </xf>
    <xf numFmtId="0" fontId="17" fillId="0" borderId="11" xfId="2" applyFont="1" applyFill="1" applyBorder="1" applyAlignment="1" applyProtection="1">
      <alignment horizontal="center" vertical="center"/>
    </xf>
    <xf numFmtId="0" fontId="17" fillId="0" borderId="6" xfId="2" applyFont="1" applyFill="1" applyBorder="1" applyAlignment="1" applyProtection="1">
      <alignment horizontal="center" vertical="center"/>
    </xf>
    <xf numFmtId="0" fontId="17" fillId="0" borderId="29" xfId="2" applyFont="1" applyFill="1" applyBorder="1" applyAlignment="1" applyProtection="1">
      <alignment horizontal="center" vertical="center"/>
    </xf>
    <xf numFmtId="0" fontId="17" fillId="0" borderId="9" xfId="0" applyFont="1" applyFill="1" applyBorder="1" applyAlignment="1">
      <alignment vertical="center" wrapText="1"/>
    </xf>
    <xf numFmtId="49" fontId="17" fillId="0" borderId="9" xfId="0" applyNumberFormat="1" applyFont="1" applyBorder="1">
      <alignment vertical="center"/>
    </xf>
    <xf numFmtId="0" fontId="17" fillId="0" borderId="9" xfId="0" applyFont="1" applyFill="1" applyBorder="1" applyAlignment="1">
      <alignment horizontal="left" vertical="center" wrapText="1"/>
    </xf>
    <xf numFmtId="0" fontId="17" fillId="0" borderId="0" xfId="2" applyFont="1" applyFill="1" applyBorder="1" applyAlignment="1" applyProtection="1">
      <alignment horizontal="center" vertical="center"/>
    </xf>
    <xf numFmtId="0" fontId="7" fillId="0" borderId="0" xfId="2" applyFont="1" applyFill="1" applyBorder="1" applyAlignment="1" applyProtection="1">
      <alignment horizontal="left" vertical="center"/>
    </xf>
    <xf numFmtId="49" fontId="7" fillId="0" borderId="0" xfId="0" applyNumberFormat="1" applyFont="1" applyBorder="1">
      <alignment vertical="center"/>
    </xf>
    <xf numFmtId="0" fontId="7" fillId="0" borderId="0" xfId="2" applyFont="1" applyFill="1" applyBorder="1" applyAlignment="1" applyProtection="1">
      <alignment horizontal="left" vertical="center" wrapText="1" indent="1"/>
    </xf>
    <xf numFmtId="0" fontId="12" fillId="0" borderId="0" xfId="2" applyFont="1" applyFill="1" applyBorder="1" applyAlignment="1" applyProtection="1">
      <alignment horizontal="center" vertical="center" wrapText="1"/>
      <protection locked="0"/>
    </xf>
    <xf numFmtId="0" fontId="12" fillId="0" borderId="0" xfId="2" applyFont="1" applyFill="1" applyBorder="1" applyAlignment="1" applyProtection="1">
      <alignment horizontal="center" vertical="center"/>
      <protection locked="0"/>
    </xf>
    <xf numFmtId="0" fontId="37" fillId="0" borderId="0" xfId="2" applyFont="1" applyFill="1" applyBorder="1" applyAlignment="1" applyProtection="1">
      <alignment horizontal="center" vertical="center" wrapText="1"/>
    </xf>
    <xf numFmtId="0" fontId="17" fillId="0" borderId="0" xfId="10" applyFont="1" applyBorder="1" applyAlignment="1">
      <alignment vertical="center" wrapText="1"/>
    </xf>
    <xf numFmtId="0" fontId="12" fillId="0" borderId="0" xfId="2" applyFont="1" applyFill="1" applyBorder="1" applyAlignment="1" applyProtection="1">
      <alignment horizontal="left" vertical="center"/>
    </xf>
    <xf numFmtId="0" fontId="17" fillId="4" borderId="0" xfId="2" applyFont="1" applyFill="1">
      <alignment vertical="center"/>
    </xf>
    <xf numFmtId="0" fontId="12" fillId="4" borderId="0" xfId="2" applyFont="1" applyFill="1">
      <alignment vertical="center"/>
    </xf>
    <xf numFmtId="0" fontId="17" fillId="4" borderId="0" xfId="2" applyFont="1" applyFill="1" applyAlignment="1">
      <alignment vertical="center"/>
    </xf>
    <xf numFmtId="0" fontId="17" fillId="4" borderId="0" xfId="2" applyFont="1" applyFill="1" applyAlignment="1">
      <alignment horizontal="right" vertical="center"/>
    </xf>
    <xf numFmtId="0" fontId="58" fillId="4" borderId="0" xfId="2" applyFont="1" applyFill="1" applyBorder="1" applyProtection="1">
      <alignment vertical="center"/>
    </xf>
    <xf numFmtId="0" fontId="17" fillId="4" borderId="0" xfId="2" applyFont="1" applyFill="1" applyProtection="1">
      <alignment vertical="center"/>
    </xf>
    <xf numFmtId="0" fontId="13" fillId="4" borderId="0" xfId="2" applyFont="1" applyFill="1" applyBorder="1" applyProtection="1">
      <alignment vertical="center"/>
    </xf>
    <xf numFmtId="0" fontId="13" fillId="4" borderId="0" xfId="2" applyFont="1" applyFill="1" applyBorder="1" applyAlignment="1" applyProtection="1">
      <alignment horizontal="center" vertical="center"/>
    </xf>
    <xf numFmtId="0" fontId="13" fillId="4" borderId="0" xfId="2" applyFont="1" applyFill="1" applyProtection="1">
      <alignment vertical="center"/>
    </xf>
    <xf numFmtId="0" fontId="17" fillId="0" borderId="12" xfId="2" applyFont="1" applyFill="1" applyBorder="1" applyAlignment="1" applyProtection="1">
      <alignment horizontal="center" vertical="center"/>
    </xf>
    <xf numFmtId="0" fontId="17" fillId="0" borderId="12" xfId="2" applyFont="1" applyFill="1" applyBorder="1" applyAlignment="1" applyProtection="1">
      <alignment horizontal="left" vertical="center" wrapText="1"/>
    </xf>
    <xf numFmtId="0" fontId="17" fillId="0" borderId="9" xfId="2" applyFont="1" applyFill="1" applyBorder="1" applyAlignment="1" applyProtection="1">
      <alignment horizontal="center" vertical="center"/>
    </xf>
    <xf numFmtId="0" fontId="17" fillId="0" borderId="9" xfId="2" applyFont="1" applyFill="1" applyBorder="1" applyAlignment="1" applyProtection="1">
      <alignment horizontal="left" vertical="center" wrapText="1"/>
    </xf>
    <xf numFmtId="49" fontId="17" fillId="0" borderId="14" xfId="0" applyNumberFormat="1" applyFont="1" applyBorder="1">
      <alignment vertical="center"/>
    </xf>
    <xf numFmtId="0" fontId="17" fillId="4" borderId="10" xfId="2" applyFont="1" applyFill="1" applyBorder="1" applyAlignment="1" applyProtection="1">
      <alignment horizontal="center" vertical="center"/>
    </xf>
    <xf numFmtId="0" fontId="17" fillId="0" borderId="50" xfId="0" applyFont="1" applyFill="1" applyBorder="1" applyAlignment="1">
      <alignment vertical="center" wrapText="1"/>
    </xf>
    <xf numFmtId="49" fontId="17" fillId="0" borderId="10" xfId="0" applyNumberFormat="1" applyFont="1" applyBorder="1">
      <alignment vertical="center"/>
    </xf>
    <xf numFmtId="0" fontId="7" fillId="4" borderId="0" xfId="2" applyFont="1" applyFill="1" applyBorder="1" applyAlignment="1" applyProtection="1">
      <alignment horizontal="center" vertical="center"/>
    </xf>
    <xf numFmtId="0" fontId="37" fillId="4" borderId="0" xfId="2" applyFont="1" applyFill="1" applyBorder="1" applyAlignment="1" applyProtection="1">
      <alignment horizontal="left" vertical="center" wrapText="1" indent="1"/>
    </xf>
    <xf numFmtId="0" fontId="7" fillId="4" borderId="0" xfId="2" applyFont="1" applyFill="1" applyBorder="1" applyAlignment="1" applyProtection="1">
      <alignment horizontal="left" vertical="center"/>
    </xf>
    <xf numFmtId="0" fontId="58" fillId="4" borderId="0" xfId="2" applyFont="1" applyFill="1" applyProtection="1">
      <alignment vertical="center"/>
    </xf>
    <xf numFmtId="0" fontId="17" fillId="0" borderId="0" xfId="2" applyFont="1" applyFill="1" applyProtection="1">
      <alignment vertical="center"/>
    </xf>
    <xf numFmtId="0" fontId="24" fillId="4" borderId="0" xfId="2" applyFont="1" applyFill="1" applyProtection="1">
      <alignment vertical="center"/>
    </xf>
    <xf numFmtId="0" fontId="12" fillId="4" borderId="0" xfId="2" applyFont="1" applyFill="1" applyProtection="1">
      <alignment vertical="center"/>
    </xf>
    <xf numFmtId="0" fontId="7" fillId="0" borderId="10" xfId="0" applyFont="1" applyBorder="1" applyAlignment="1">
      <alignment horizontal="left" vertical="center" wrapText="1"/>
    </xf>
    <xf numFmtId="0" fontId="37" fillId="0" borderId="19" xfId="2" applyFont="1" applyFill="1" applyBorder="1" applyAlignment="1" applyProtection="1">
      <alignment horizontal="center" vertical="center" wrapText="1"/>
    </xf>
    <xf numFmtId="0" fontId="7" fillId="4" borderId="9" xfId="2" applyFont="1" applyFill="1" applyBorder="1" applyAlignment="1" applyProtection="1">
      <alignment horizontal="left" vertical="center" wrapText="1"/>
    </xf>
    <xf numFmtId="0" fontId="7" fillId="4" borderId="9" xfId="2" applyFont="1" applyFill="1" applyBorder="1" applyAlignment="1" applyProtection="1">
      <alignment horizontal="left" vertical="center"/>
    </xf>
    <xf numFmtId="0" fontId="17" fillId="0" borderId="33" xfId="0" applyFont="1" applyFill="1" applyBorder="1" applyAlignment="1">
      <alignment horizontal="left" vertical="center" wrapText="1"/>
    </xf>
    <xf numFmtId="0" fontId="7" fillId="5" borderId="42" xfId="2" applyFont="1" applyFill="1" applyBorder="1" applyAlignment="1" applyProtection="1">
      <alignment horizontal="center" vertical="center"/>
    </xf>
    <xf numFmtId="0" fontId="17" fillId="5" borderId="0" xfId="2" applyFont="1" applyFill="1" applyProtection="1">
      <alignment vertical="center"/>
    </xf>
    <xf numFmtId="0" fontId="12" fillId="5" borderId="0" xfId="2" applyFont="1" applyFill="1" applyProtection="1">
      <alignment vertical="center"/>
    </xf>
    <xf numFmtId="0" fontId="7" fillId="5" borderId="10" xfId="2" applyFont="1" applyFill="1" applyBorder="1" applyAlignment="1" applyProtection="1">
      <alignment horizontal="center" vertical="center"/>
    </xf>
    <xf numFmtId="0" fontId="17" fillId="5" borderId="0" xfId="2" applyFont="1" applyFill="1">
      <alignment vertical="center"/>
    </xf>
    <xf numFmtId="0" fontId="7" fillId="5" borderId="0" xfId="2" applyFont="1" applyFill="1" applyBorder="1" applyAlignment="1" applyProtection="1">
      <alignment horizontal="center" vertical="center"/>
    </xf>
    <xf numFmtId="0" fontId="7" fillId="5" borderId="0" xfId="2" applyFont="1" applyFill="1" applyBorder="1" applyAlignment="1" applyProtection="1">
      <alignment horizontal="left" vertical="center" wrapText="1" indent="1"/>
    </xf>
    <xf numFmtId="0" fontId="17" fillId="5" borderId="0" xfId="2" applyFont="1" applyFill="1" applyBorder="1" applyAlignment="1" applyProtection="1">
      <alignment horizontal="center" vertical="center"/>
      <protection locked="0"/>
    </xf>
    <xf numFmtId="0" fontId="17" fillId="5" borderId="0" xfId="2" applyFont="1" applyFill="1" applyBorder="1" applyAlignment="1" applyProtection="1">
      <alignment horizontal="center" vertical="center"/>
    </xf>
    <xf numFmtId="0" fontId="24" fillId="5" borderId="0" xfId="2" applyFont="1" applyFill="1" applyProtection="1">
      <alignment vertical="center"/>
    </xf>
    <xf numFmtId="0" fontId="7" fillId="5" borderId="12" xfId="2" applyFont="1" applyFill="1" applyBorder="1" applyAlignment="1" applyProtection="1">
      <alignment horizontal="center" vertical="center"/>
      <protection locked="0"/>
    </xf>
    <xf numFmtId="0" fontId="7" fillId="5" borderId="9" xfId="2" applyFont="1" applyFill="1" applyBorder="1" applyAlignment="1" applyProtection="1">
      <alignment horizontal="center" vertical="center"/>
      <protection locked="0"/>
    </xf>
    <xf numFmtId="0" fontId="7" fillId="5" borderId="0" xfId="2" applyFont="1" applyFill="1" applyAlignment="1" applyProtection="1">
      <alignment horizontal="left" vertical="center" indent="1"/>
    </xf>
    <xf numFmtId="0" fontId="7" fillId="5" borderId="0" xfId="2" applyFont="1" applyFill="1" applyAlignment="1" applyProtection="1">
      <alignment vertical="center"/>
    </xf>
    <xf numFmtId="0" fontId="37" fillId="5" borderId="0" xfId="2" applyFont="1" applyFill="1">
      <alignment vertical="center"/>
    </xf>
    <xf numFmtId="0" fontId="12" fillId="5" borderId="0" xfId="2" applyFont="1" applyFill="1">
      <alignment vertical="center"/>
    </xf>
    <xf numFmtId="0" fontId="7" fillId="4" borderId="0" xfId="2" applyFont="1" applyFill="1">
      <alignment vertical="center"/>
    </xf>
    <xf numFmtId="0" fontId="12" fillId="4" borderId="0" xfId="2" applyFont="1" applyFill="1" applyAlignment="1">
      <alignment horizontal="left" vertical="center"/>
    </xf>
    <xf numFmtId="0" fontId="7" fillId="4" borderId="0" xfId="0" applyFont="1" applyFill="1" applyAlignment="1">
      <alignment horizontal="right"/>
    </xf>
    <xf numFmtId="0" fontId="37" fillId="4" borderId="0" xfId="2" applyFont="1" applyFill="1">
      <alignment vertical="center"/>
    </xf>
    <xf numFmtId="0" fontId="17" fillId="0" borderId="41" xfId="0" applyFont="1" applyBorder="1" applyAlignment="1">
      <alignment horizontal="left" vertical="center"/>
    </xf>
    <xf numFmtId="14" fontId="17" fillId="0" borderId="41" xfId="0" applyNumberFormat="1" applyFont="1" applyBorder="1" applyAlignment="1">
      <alignment horizontal="left" vertical="center"/>
    </xf>
    <xf numFmtId="14" fontId="17" fillId="7" borderId="41" xfId="0" applyNumberFormat="1" applyFont="1" applyFill="1" applyBorder="1" applyAlignment="1">
      <alignment horizontal="left" vertical="center"/>
    </xf>
    <xf numFmtId="0" fontId="17" fillId="7" borderId="41" xfId="0" applyFont="1" applyFill="1" applyBorder="1" applyAlignment="1">
      <alignment horizontal="left" vertical="center"/>
    </xf>
    <xf numFmtId="14" fontId="17" fillId="0" borderId="61" xfId="0" applyNumberFormat="1" applyFont="1" applyBorder="1" applyAlignment="1">
      <alignment horizontal="left" vertical="center"/>
    </xf>
    <xf numFmtId="0" fontId="60" fillId="0" borderId="0" xfId="0" applyFont="1" applyBorder="1" applyAlignment="1">
      <alignment horizontal="center" vertical="center"/>
    </xf>
    <xf numFmtId="0" fontId="61" fillId="0" borderId="0" xfId="0" applyFont="1" applyBorder="1">
      <alignment vertical="center"/>
    </xf>
    <xf numFmtId="0" fontId="61" fillId="0" borderId="0" xfId="0" applyFont="1" applyBorder="1" applyAlignment="1">
      <alignment horizontal="center" vertical="center"/>
    </xf>
    <xf numFmtId="177" fontId="61" fillId="0" borderId="0" xfId="0" applyNumberFormat="1" applyFont="1" applyFill="1" applyBorder="1" applyAlignment="1">
      <alignment horizontal="center" vertical="center"/>
    </xf>
    <xf numFmtId="0" fontId="61" fillId="0" borderId="0" xfId="0" applyFont="1" applyBorder="1" applyAlignment="1">
      <alignment vertical="center" wrapText="1"/>
    </xf>
    <xf numFmtId="0" fontId="62" fillId="0" borderId="0" xfId="0" applyFont="1" applyBorder="1">
      <alignment vertical="center"/>
    </xf>
    <xf numFmtId="0" fontId="60" fillId="0" borderId="0" xfId="0" applyFont="1" applyBorder="1">
      <alignment vertical="center"/>
    </xf>
    <xf numFmtId="177" fontId="17" fillId="0" borderId="10" xfId="0" applyNumberFormat="1" applyFont="1" applyFill="1" applyBorder="1" applyAlignment="1">
      <alignment horizontal="center" vertical="center"/>
    </xf>
    <xf numFmtId="177" fontId="17" fillId="0" borderId="9" xfId="0" applyNumberFormat="1" applyFont="1" applyFill="1" applyBorder="1" applyAlignment="1">
      <alignment horizontal="center" vertical="center"/>
    </xf>
    <xf numFmtId="0" fontId="17" fillId="0" borderId="0" xfId="0" applyFont="1" applyBorder="1" applyAlignment="1">
      <alignment horizontal="center" vertical="center" wrapText="1"/>
    </xf>
    <xf numFmtId="0" fontId="17" fillId="0" borderId="14" xfId="0" applyFont="1" applyFill="1" applyBorder="1" applyAlignment="1" applyProtection="1">
      <alignment horizontal="center" vertical="center"/>
      <protection locked="0"/>
    </xf>
    <xf numFmtId="0" fontId="17" fillId="0" borderId="9" xfId="0" applyFont="1" applyBorder="1" applyAlignment="1">
      <alignment vertical="center" wrapText="1"/>
    </xf>
    <xf numFmtId="0" fontId="12" fillId="0" borderId="8" xfId="0" applyFont="1" applyBorder="1" applyAlignment="1">
      <alignment horizontal="left" vertical="center"/>
    </xf>
    <xf numFmtId="0" fontId="17" fillId="0" borderId="8" xfId="0" applyFont="1" applyBorder="1" applyAlignment="1">
      <alignment horizontal="left" vertical="center"/>
    </xf>
    <xf numFmtId="0" fontId="17" fillId="0" borderId="1" xfId="0" applyFont="1" applyBorder="1" applyAlignment="1">
      <alignment vertical="center" wrapText="1"/>
    </xf>
    <xf numFmtId="0" fontId="17" fillId="0" borderId="14" xfId="0" applyFont="1" applyBorder="1" applyAlignment="1">
      <alignment vertical="center" wrapText="1"/>
    </xf>
    <xf numFmtId="0" fontId="17" fillId="0" borderId="7" xfId="0" applyFont="1" applyBorder="1" applyAlignment="1">
      <alignment horizontal="left" vertical="center"/>
    </xf>
    <xf numFmtId="0" fontId="17" fillId="0" borderId="7" xfId="0" applyFont="1" applyBorder="1" applyAlignment="1">
      <alignment vertical="center" wrapText="1"/>
    </xf>
    <xf numFmtId="0" fontId="17" fillId="0" borderId="2" xfId="0" applyFont="1" applyFill="1" applyBorder="1" applyAlignment="1" applyProtection="1">
      <alignment horizontal="center" vertical="center"/>
      <protection locked="0"/>
    </xf>
    <xf numFmtId="177" fontId="17" fillId="0" borderId="19" xfId="0" applyNumberFormat="1" applyFont="1" applyFill="1" applyBorder="1" applyAlignment="1">
      <alignment horizontal="center" vertical="center"/>
    </xf>
    <xf numFmtId="0" fontId="17" fillId="0" borderId="19" xfId="0" applyFont="1" applyFill="1" applyBorder="1" applyAlignment="1" applyProtection="1">
      <alignment horizontal="center" vertical="center"/>
    </xf>
    <xf numFmtId="0" fontId="17" fillId="0" borderId="9" xfId="0" applyFont="1" applyBorder="1" applyAlignment="1">
      <alignment horizontal="left" vertical="center" wrapText="1"/>
    </xf>
    <xf numFmtId="0" fontId="17" fillId="0" borderId="19" xfId="0" applyFont="1" applyFill="1" applyBorder="1" applyAlignment="1" applyProtection="1">
      <alignment horizontal="center" vertical="center"/>
      <protection locked="0"/>
    </xf>
    <xf numFmtId="0" fontId="17" fillId="0" borderId="7" xfId="0" applyFont="1" applyBorder="1" applyAlignment="1">
      <alignment horizontal="left" vertical="center" wrapText="1"/>
    </xf>
    <xf numFmtId="0" fontId="17" fillId="0" borderId="0" xfId="0" applyFont="1" applyBorder="1" applyAlignment="1">
      <alignment horizontal="right" vertical="center" wrapText="1"/>
    </xf>
    <xf numFmtId="0" fontId="17" fillId="0" borderId="19" xfId="0" applyFont="1" applyFill="1" applyBorder="1" applyAlignment="1" applyProtection="1">
      <alignment horizontal="center" vertical="center" wrapText="1"/>
      <protection locked="0"/>
    </xf>
    <xf numFmtId="0" fontId="17" fillId="0" borderId="9" xfId="0" applyFont="1" applyBorder="1">
      <alignment vertical="center"/>
    </xf>
    <xf numFmtId="0" fontId="12" fillId="0" borderId="0" xfId="0" applyFont="1" applyBorder="1" applyAlignment="1">
      <alignment horizontal="left" vertical="center"/>
    </xf>
    <xf numFmtId="0" fontId="17" fillId="0" borderId="5" xfId="0" applyFont="1" applyBorder="1" applyAlignment="1">
      <alignment horizontal="center" vertical="center"/>
    </xf>
    <xf numFmtId="177" fontId="17" fillId="0" borderId="5" xfId="0" applyNumberFormat="1" applyFont="1" applyFill="1" applyBorder="1" applyAlignment="1">
      <alignment horizontal="center" vertical="center"/>
    </xf>
    <xf numFmtId="0" fontId="17" fillId="0" borderId="5" xfId="0" applyFont="1" applyBorder="1" applyAlignment="1">
      <alignment vertical="center" wrapText="1"/>
    </xf>
    <xf numFmtId="0" fontId="12" fillId="0" borderId="8" xfId="0" applyFont="1" applyBorder="1" applyAlignment="1">
      <alignment vertical="top"/>
    </xf>
    <xf numFmtId="0" fontId="17" fillId="0" borderId="0" xfId="0" applyFont="1" applyFill="1" applyBorder="1" applyAlignment="1" applyProtection="1">
      <alignment horizontal="center" vertical="center"/>
      <protection locked="0"/>
    </xf>
    <xf numFmtId="0" fontId="12" fillId="4" borderId="0" xfId="0" applyFont="1" applyFill="1" applyBorder="1" applyAlignment="1">
      <alignment vertical="center"/>
    </xf>
    <xf numFmtId="0" fontId="12" fillId="4" borderId="1" xfId="0" applyFont="1" applyFill="1" applyBorder="1" applyAlignment="1">
      <alignment vertical="center"/>
    </xf>
    <xf numFmtId="49" fontId="12" fillId="4" borderId="0" xfId="0" applyNumberFormat="1" applyFont="1" applyFill="1" applyBorder="1" applyAlignment="1">
      <alignment horizontal="center" vertical="center" wrapText="1"/>
    </xf>
    <xf numFmtId="0" fontId="17" fillId="4" borderId="0" xfId="0" applyFont="1" applyFill="1" applyAlignment="1">
      <alignment horizontal="left"/>
    </xf>
    <xf numFmtId="0" fontId="13" fillId="4" borderId="0" xfId="0" applyFont="1" applyFill="1" applyBorder="1" applyAlignment="1">
      <alignment horizontal="left" vertical="center"/>
    </xf>
    <xf numFmtId="0" fontId="17" fillId="4" borderId="0" xfId="0" applyFont="1" applyFill="1" applyAlignment="1"/>
    <xf numFmtId="0" fontId="12" fillId="0" borderId="43" xfId="2" applyFont="1" applyFill="1" applyBorder="1" applyAlignment="1" applyProtection="1">
      <alignment horizontal="center" vertical="center" wrapText="1"/>
    </xf>
    <xf numFmtId="0" fontId="17" fillId="0" borderId="58" xfId="0" applyFont="1" applyBorder="1" applyAlignment="1">
      <alignment horizontal="center" vertical="center"/>
    </xf>
    <xf numFmtId="0" fontId="17" fillId="0" borderId="62" xfId="0" applyFont="1" applyBorder="1" applyAlignment="1">
      <alignment horizontal="center" vertical="center"/>
    </xf>
    <xf numFmtId="49" fontId="7" fillId="4" borderId="4" xfId="0" applyNumberFormat="1" applyFont="1" applyFill="1" applyBorder="1" applyAlignment="1">
      <alignment horizontal="center" vertical="center" wrapText="1"/>
    </xf>
    <xf numFmtId="0" fontId="17" fillId="0" borderId="11" xfId="0" applyFont="1" applyFill="1" applyBorder="1" applyAlignment="1" applyProtection="1">
      <alignment horizontal="center" vertical="center"/>
      <protection locked="0"/>
    </xf>
    <xf numFmtId="0" fontId="17" fillId="0" borderId="9" xfId="0" applyFont="1" applyFill="1" applyBorder="1" applyAlignment="1" applyProtection="1">
      <alignment horizontal="center" vertical="center"/>
      <protection locked="0"/>
    </xf>
    <xf numFmtId="0" fontId="17" fillId="0" borderId="12" xfId="0" applyFont="1" applyBorder="1" applyAlignment="1">
      <alignment horizontal="center" vertical="center"/>
    </xf>
    <xf numFmtId="0" fontId="17" fillId="0" borderId="43" xfId="2" applyFont="1" applyFill="1" applyBorder="1" applyAlignment="1" applyProtection="1">
      <alignment horizontal="center" vertical="center" wrapText="1"/>
    </xf>
    <xf numFmtId="0" fontId="7" fillId="0" borderId="0" xfId="0" applyFont="1" applyAlignment="1">
      <alignment vertical="center" wrapText="1"/>
    </xf>
    <xf numFmtId="0" fontId="17" fillId="0" borderId="0" xfId="0" applyFont="1" applyBorder="1" applyAlignment="1">
      <alignment vertical="center"/>
    </xf>
    <xf numFmtId="0" fontId="17" fillId="4" borderId="11" xfId="2" applyFont="1" applyFill="1" applyBorder="1" applyAlignment="1" applyProtection="1">
      <alignment horizontal="center" vertical="center"/>
    </xf>
    <xf numFmtId="0" fontId="17" fillId="4" borderId="12" xfId="2" applyFont="1" applyFill="1" applyBorder="1" applyAlignment="1" applyProtection="1">
      <alignment horizontal="center" vertical="center"/>
    </xf>
    <xf numFmtId="0" fontId="17" fillId="0" borderId="10" xfId="0" applyFont="1" applyBorder="1" applyAlignment="1">
      <alignment horizontal="center" vertical="center"/>
    </xf>
    <xf numFmtId="0" fontId="17" fillId="0" borderId="12" xfId="0" applyFont="1" applyBorder="1" applyAlignment="1">
      <alignment horizontal="left" vertical="center" wrapText="1"/>
    </xf>
    <xf numFmtId="0" fontId="17" fillId="4" borderId="9" xfId="2" applyFont="1" applyFill="1" applyBorder="1" applyAlignment="1" applyProtection="1">
      <alignment horizontal="center" vertical="center"/>
    </xf>
    <xf numFmtId="0" fontId="7" fillId="5" borderId="11" xfId="2" applyFont="1" applyFill="1" applyBorder="1" applyAlignment="1" applyProtection="1">
      <alignment horizontal="center" vertical="center" wrapText="1"/>
    </xf>
    <xf numFmtId="0" fontId="7" fillId="5" borderId="55" xfId="2" applyFont="1" applyFill="1" applyBorder="1" applyAlignment="1" applyProtection="1">
      <alignment horizontal="center" vertical="center"/>
    </xf>
    <xf numFmtId="0" fontId="17" fillId="0" borderId="37" xfId="0" applyFont="1" applyBorder="1" applyAlignment="1">
      <alignment horizontal="left" vertical="center" wrapText="1"/>
    </xf>
    <xf numFmtId="0" fontId="17" fillId="0" borderId="41" xfId="0" applyFont="1" applyBorder="1" applyAlignment="1">
      <alignment horizontal="left" vertical="center" wrapText="1"/>
    </xf>
    <xf numFmtId="0" fontId="17" fillId="0" borderId="60" xfId="0" applyFont="1" applyBorder="1" applyAlignment="1">
      <alignment horizontal="left" vertical="center" wrapText="1"/>
    </xf>
    <xf numFmtId="0" fontId="17" fillId="0" borderId="61" xfId="0" applyFont="1" applyBorder="1" applyAlignment="1">
      <alignment horizontal="left" vertical="center" wrapText="1"/>
    </xf>
    <xf numFmtId="0" fontId="17" fillId="0" borderId="40" xfId="0" applyFont="1" applyBorder="1" applyAlignment="1">
      <alignment horizontal="left" vertical="center" wrapText="1"/>
    </xf>
    <xf numFmtId="0" fontId="17" fillId="0" borderId="61" xfId="0" applyFont="1" applyBorder="1" applyAlignment="1">
      <alignment horizontal="left" vertical="center"/>
    </xf>
    <xf numFmtId="177" fontId="17" fillId="0" borderId="11" xfId="0" applyNumberFormat="1" applyFont="1" applyFill="1" applyBorder="1" applyAlignment="1">
      <alignment horizontal="center" vertical="center"/>
    </xf>
    <xf numFmtId="0" fontId="17" fillId="0" borderId="11" xfId="0" applyFont="1" applyBorder="1" applyAlignment="1">
      <alignment vertical="center" wrapText="1"/>
    </xf>
    <xf numFmtId="0" fontId="17" fillId="0" borderId="9" xfId="0" applyFont="1" applyBorder="1" applyAlignment="1">
      <alignment horizontal="center" vertical="center" wrapText="1"/>
    </xf>
    <xf numFmtId="0" fontId="17" fillId="0" borderId="3" xfId="0" applyFont="1" applyBorder="1" applyAlignment="1">
      <alignment horizontal="center" vertical="center"/>
    </xf>
    <xf numFmtId="0" fontId="17" fillId="0" borderId="8" xfId="0" applyFont="1" applyBorder="1" applyAlignment="1">
      <alignment vertical="center" wrapText="1"/>
    </xf>
    <xf numFmtId="0" fontId="18" fillId="4" borderId="0" xfId="2" quotePrefix="1" applyFont="1" applyFill="1" applyAlignment="1">
      <alignment horizontal="center" vertical="center"/>
    </xf>
    <xf numFmtId="0" fontId="17" fillId="0" borderId="11" xfId="0" applyFont="1" applyBorder="1" applyAlignment="1">
      <alignment horizontal="center" vertical="center" wrapText="1"/>
    </xf>
    <xf numFmtId="0" fontId="7" fillId="3" borderId="11" xfId="0" applyFont="1" applyFill="1" applyBorder="1" applyAlignment="1">
      <alignment horizontal="center" vertical="center" wrapText="1"/>
    </xf>
    <xf numFmtId="0" fontId="7" fillId="0" borderId="0" xfId="9" applyFont="1" applyBorder="1" applyAlignment="1">
      <alignment horizontal="left" vertical="top" wrapText="1"/>
    </xf>
    <xf numFmtId="0" fontId="37" fillId="0" borderId="0" xfId="0" applyFont="1" applyBorder="1" applyAlignment="1">
      <alignment horizontal="right" vertical="center"/>
    </xf>
    <xf numFmtId="0" fontId="7" fillId="3" borderId="13" xfId="0" applyFont="1" applyFill="1" applyBorder="1" applyAlignment="1">
      <alignment horizontal="center" vertical="center"/>
    </xf>
    <xf numFmtId="0" fontId="7" fillId="3" borderId="17" xfId="0" applyFont="1" applyFill="1" applyBorder="1" applyAlignment="1">
      <alignment horizontal="center" vertical="center"/>
    </xf>
    <xf numFmtId="0" fontId="7" fillId="3" borderId="17" xfId="0" applyFont="1" applyFill="1" applyBorder="1" applyAlignment="1">
      <alignment horizontal="center" vertical="center" wrapText="1"/>
    </xf>
    <xf numFmtId="0" fontId="7" fillId="0" borderId="21" xfId="0" applyFont="1" applyFill="1" applyBorder="1" applyAlignment="1">
      <alignment horizontal="center" vertical="center" wrapText="1"/>
    </xf>
    <xf numFmtId="0" fontId="7" fillId="0" borderId="21" xfId="0" applyFont="1" applyFill="1" applyBorder="1" applyAlignment="1">
      <alignment vertical="center" wrapText="1"/>
    </xf>
    <xf numFmtId="0" fontId="7" fillId="0" borderId="26" xfId="0" applyFont="1" applyFill="1" applyBorder="1">
      <alignment vertical="center"/>
    </xf>
    <xf numFmtId="0" fontId="7" fillId="0" borderId="12" xfId="8" applyFont="1" applyFill="1" applyBorder="1" applyAlignment="1">
      <alignment horizontal="center" vertical="center"/>
    </xf>
    <xf numFmtId="0" fontId="7" fillId="0" borderId="22" xfId="1" applyFont="1" applyFill="1" applyBorder="1" applyAlignment="1">
      <alignment horizontal="center" vertical="center" wrapText="1"/>
    </xf>
    <xf numFmtId="0" fontId="7" fillId="0" borderId="22" xfId="1" applyFont="1" applyFill="1" applyBorder="1" applyAlignment="1">
      <alignment vertical="center" wrapText="1"/>
    </xf>
    <xf numFmtId="0" fontId="7" fillId="0" borderId="5" xfId="0" applyFont="1" applyFill="1" applyBorder="1" applyAlignment="1">
      <alignment horizontal="center" vertical="center" wrapText="1"/>
    </xf>
    <xf numFmtId="0" fontId="7" fillId="0" borderId="22" xfId="0" applyFont="1" applyFill="1" applyBorder="1" applyAlignment="1">
      <alignment vertical="top" wrapText="1"/>
    </xf>
    <xf numFmtId="0" fontId="7" fillId="0" borderId="28" xfId="0" applyFont="1" applyFill="1" applyBorder="1" applyAlignment="1">
      <alignment horizontal="left" vertical="center" wrapText="1"/>
    </xf>
    <xf numFmtId="0" fontId="7" fillId="0" borderId="4" xfId="0" applyFont="1" applyFill="1" applyBorder="1" applyAlignment="1">
      <alignment horizontal="center" vertical="center" wrapText="1"/>
    </xf>
    <xf numFmtId="0" fontId="48" fillId="2" borderId="10" xfId="0" applyFont="1" applyFill="1" applyBorder="1" applyAlignment="1">
      <alignment horizontal="center" vertical="center"/>
    </xf>
    <xf numFmtId="0" fontId="48" fillId="2" borderId="9" xfId="0" applyFont="1" applyFill="1" applyBorder="1" applyAlignment="1">
      <alignment horizontal="center" vertical="center" wrapText="1"/>
    </xf>
    <xf numFmtId="0" fontId="17" fillId="4" borderId="0" xfId="2" applyFont="1" applyFill="1" applyAlignment="1">
      <alignment horizontal="left" vertical="center"/>
    </xf>
    <xf numFmtId="0" fontId="17" fillId="4" borderId="8" xfId="0" applyFont="1" applyFill="1" applyBorder="1" applyAlignment="1">
      <alignment vertical="center" wrapText="1"/>
    </xf>
    <xf numFmtId="0" fontId="12" fillId="0" borderId="0" xfId="0" applyFont="1" applyFill="1" applyAlignment="1">
      <alignment horizontal="right" vertical="top"/>
    </xf>
    <xf numFmtId="0" fontId="7" fillId="0" borderId="0" xfId="0" applyFont="1" applyFill="1" applyProtection="1">
      <alignment vertical="center"/>
      <protection locked="0"/>
    </xf>
    <xf numFmtId="0" fontId="16" fillId="0" borderId="0" xfId="0" applyFont="1" applyFill="1">
      <alignment vertical="center"/>
    </xf>
    <xf numFmtId="0" fontId="12" fillId="4" borderId="0" xfId="0" applyFont="1" applyFill="1" applyAlignment="1">
      <alignment horizontal="left"/>
    </xf>
    <xf numFmtId="0" fontId="7" fillId="4" borderId="9" xfId="0" applyFont="1" applyFill="1" applyBorder="1" applyAlignment="1">
      <alignment vertical="center"/>
    </xf>
    <xf numFmtId="0" fontId="7" fillId="4" borderId="19" xfId="0" applyFont="1" applyFill="1" applyBorder="1" applyAlignment="1">
      <alignment vertical="center"/>
    </xf>
    <xf numFmtId="0" fontId="7" fillId="4" borderId="9" xfId="0" applyFont="1" applyFill="1" applyBorder="1" applyAlignment="1">
      <alignment horizontal="center" vertical="center"/>
    </xf>
    <xf numFmtId="0" fontId="7" fillId="0" borderId="19" xfId="0" applyFont="1" applyBorder="1" applyAlignment="1">
      <alignment vertical="center"/>
    </xf>
    <xf numFmtId="56" fontId="7" fillId="4" borderId="9" xfId="0" quotePrefix="1" applyNumberFormat="1" applyFont="1" applyFill="1" applyBorder="1" applyAlignment="1">
      <alignment horizontal="center" vertical="center" wrapText="1"/>
    </xf>
    <xf numFmtId="0" fontId="7" fillId="4" borderId="0" xfId="0" applyFont="1" applyFill="1" applyAlignment="1">
      <alignment horizontal="left"/>
    </xf>
    <xf numFmtId="0" fontId="7" fillId="4" borderId="0" xfId="0" applyFont="1" applyFill="1" applyAlignment="1"/>
    <xf numFmtId="0" fontId="7" fillId="0" borderId="1" xfId="0" applyFont="1" applyBorder="1" applyAlignment="1">
      <alignment vertical="center"/>
    </xf>
    <xf numFmtId="0" fontId="7" fillId="0" borderId="0" xfId="0" applyFont="1" applyBorder="1" applyAlignment="1">
      <alignment vertical="center"/>
    </xf>
    <xf numFmtId="0" fontId="18" fillId="0" borderId="0" xfId="0" applyFont="1" applyBorder="1" applyAlignment="1">
      <alignment vertical="center"/>
    </xf>
    <xf numFmtId="0" fontId="17" fillId="0" borderId="4" xfId="0" applyFont="1" applyFill="1" applyBorder="1" applyAlignment="1" applyProtection="1">
      <alignment horizontal="center" vertical="center"/>
      <protection locked="0"/>
    </xf>
    <xf numFmtId="0" fontId="7" fillId="0" borderId="0" xfId="0" applyFont="1" applyAlignment="1">
      <alignment vertical="top"/>
    </xf>
    <xf numFmtId="0" fontId="17" fillId="0" borderId="0" xfId="0" applyFont="1" applyBorder="1" applyAlignment="1">
      <alignment horizontal="left" vertical="center" wrapText="1"/>
    </xf>
    <xf numFmtId="0" fontId="17" fillId="0" borderId="0" xfId="0" applyFont="1" applyBorder="1" applyAlignment="1">
      <alignment horizontal="left" vertical="center"/>
    </xf>
    <xf numFmtId="56" fontId="17" fillId="4" borderId="0" xfId="2" quotePrefix="1" applyNumberFormat="1" applyFont="1" applyFill="1" applyAlignment="1" applyProtection="1">
      <alignment horizontal="right" vertical="center"/>
    </xf>
    <xf numFmtId="0" fontId="17" fillId="4" borderId="5" xfId="2" applyFont="1" applyFill="1" applyBorder="1" applyAlignment="1" applyProtection="1">
      <alignment horizontal="center" vertical="center" wrapText="1"/>
    </xf>
    <xf numFmtId="0" fontId="17" fillId="4" borderId="0" xfId="2" applyFont="1" applyFill="1" applyAlignment="1" applyProtection="1">
      <alignment horizontal="right" vertical="center"/>
    </xf>
    <xf numFmtId="0" fontId="12" fillId="4" borderId="8" xfId="2" applyFont="1" applyFill="1" applyBorder="1" applyAlignment="1" applyProtection="1">
      <alignment horizontal="center" vertical="center" wrapText="1"/>
    </xf>
    <xf numFmtId="0" fontId="12" fillId="4" borderId="8" xfId="2" applyFont="1" applyFill="1" applyBorder="1" applyAlignment="1" applyProtection="1">
      <alignment horizontal="right" vertical="center"/>
    </xf>
    <xf numFmtId="0" fontId="13" fillId="4" borderId="0" xfId="2" applyFont="1" applyFill="1">
      <alignment vertical="center"/>
    </xf>
    <xf numFmtId="0" fontId="13" fillId="4" borderId="0" xfId="2" applyFont="1" applyFill="1" applyBorder="1" applyAlignment="1" applyProtection="1">
      <alignment vertical="center"/>
    </xf>
    <xf numFmtId="0" fontId="24" fillId="4" borderId="0" xfId="2" applyFont="1" applyFill="1" applyBorder="1" applyProtection="1">
      <alignment vertical="center"/>
    </xf>
    <xf numFmtId="0" fontId="12" fillId="0" borderId="0" xfId="10" applyFont="1" applyBorder="1">
      <alignment vertical="center"/>
    </xf>
    <xf numFmtId="0" fontId="12" fillId="0" borderId="0" xfId="2" applyFont="1" applyFill="1" applyProtection="1">
      <alignment vertical="center"/>
    </xf>
    <xf numFmtId="0" fontId="17" fillId="0" borderId="0" xfId="2" applyFont="1" applyFill="1">
      <alignment vertical="center"/>
    </xf>
    <xf numFmtId="0" fontId="24" fillId="0" borderId="0" xfId="2" applyFont="1" applyFill="1" applyProtection="1">
      <alignment vertical="center"/>
    </xf>
    <xf numFmtId="0" fontId="37" fillId="0" borderId="0" xfId="2" applyFont="1" applyFill="1" applyAlignment="1" applyProtection="1">
      <alignment vertical="center" wrapText="1"/>
    </xf>
    <xf numFmtId="0" fontId="7" fillId="0" borderId="0" xfId="0" applyFont="1" applyFill="1" applyAlignment="1">
      <alignment vertical="center" wrapText="1"/>
    </xf>
    <xf numFmtId="0" fontId="72" fillId="5" borderId="0" xfId="2" applyFont="1" applyFill="1" applyProtection="1">
      <alignment vertical="center"/>
    </xf>
    <xf numFmtId="0" fontId="7" fillId="4" borderId="0" xfId="2" applyFont="1" applyFill="1" applyBorder="1" applyAlignment="1" applyProtection="1">
      <alignment horizontal="right"/>
      <protection locked="0"/>
    </xf>
    <xf numFmtId="14" fontId="17" fillId="0" borderId="0" xfId="0" applyNumberFormat="1" applyFont="1" applyBorder="1" applyAlignment="1">
      <alignment horizontal="left" vertical="center"/>
    </xf>
    <xf numFmtId="0" fontId="14" fillId="2" borderId="12" xfId="0" applyFont="1" applyFill="1" applyBorder="1" applyAlignment="1">
      <alignment horizontal="center" vertical="center"/>
    </xf>
    <xf numFmtId="0" fontId="18" fillId="2" borderId="12" xfId="0" applyFont="1" applyFill="1" applyBorder="1" applyAlignment="1">
      <alignment horizontal="center" vertical="center"/>
    </xf>
    <xf numFmtId="0" fontId="14" fillId="2" borderId="10" xfId="0" applyFont="1" applyFill="1" applyBorder="1" applyAlignment="1">
      <alignment horizontal="center" vertical="center"/>
    </xf>
    <xf numFmtId="0" fontId="17" fillId="0" borderId="1" xfId="0" applyFont="1" applyFill="1" applyBorder="1" applyAlignment="1">
      <alignment horizontal="center" vertical="center"/>
    </xf>
    <xf numFmtId="0" fontId="17" fillId="0" borderId="2" xfId="0" applyFont="1" applyFill="1" applyBorder="1">
      <alignment vertical="center"/>
    </xf>
    <xf numFmtId="0" fontId="12" fillId="0" borderId="1" xfId="0" applyFont="1" applyFill="1" applyBorder="1" applyAlignment="1">
      <alignment horizontal="center" vertical="center"/>
    </xf>
    <xf numFmtId="0" fontId="12" fillId="0" borderId="2" xfId="0" applyFont="1" applyFill="1" applyBorder="1">
      <alignment vertical="center"/>
    </xf>
    <xf numFmtId="0" fontId="12" fillId="0" borderId="12" xfId="0" applyFont="1" applyFill="1" applyBorder="1" applyAlignment="1">
      <alignment horizontal="center" vertical="center"/>
    </xf>
    <xf numFmtId="0" fontId="17" fillId="0" borderId="12" xfId="0" applyFont="1" applyFill="1" applyBorder="1" applyAlignment="1">
      <alignment horizontal="center" vertical="center"/>
    </xf>
    <xf numFmtId="0" fontId="12" fillId="0" borderId="3" xfId="0" applyFont="1" applyFill="1" applyBorder="1" applyAlignment="1">
      <alignment horizontal="center" vertical="center"/>
    </xf>
    <xf numFmtId="0" fontId="12" fillId="0" borderId="4" xfId="0" applyFont="1" applyFill="1" applyBorder="1">
      <alignment vertical="center"/>
    </xf>
    <xf numFmtId="0" fontId="12" fillId="0" borderId="10" xfId="0" applyFont="1" applyFill="1" applyBorder="1" applyAlignment="1">
      <alignment horizontal="center" vertical="center"/>
    </xf>
    <xf numFmtId="0" fontId="7" fillId="0" borderId="0" xfId="0" applyFont="1" applyBorder="1" applyAlignment="1">
      <alignment horizontal="center" vertical="center" wrapText="1"/>
    </xf>
    <xf numFmtId="0" fontId="7" fillId="0" borderId="21" xfId="0" applyFont="1" applyBorder="1" applyAlignment="1">
      <alignment horizontal="center" vertical="center" wrapText="1"/>
    </xf>
    <xf numFmtId="0" fontId="7" fillId="0" borderId="12" xfId="8" applyFont="1" applyBorder="1" applyAlignment="1">
      <alignment horizontal="center" vertical="center"/>
    </xf>
    <xf numFmtId="0" fontId="7" fillId="0" borderId="33" xfId="1" applyFont="1" applyFill="1" applyBorder="1" applyAlignment="1">
      <alignment vertical="center" wrapText="1"/>
    </xf>
    <xf numFmtId="0" fontId="7" fillId="0" borderId="6" xfId="0" applyFont="1" applyBorder="1">
      <alignment vertical="center"/>
    </xf>
    <xf numFmtId="0" fontId="7" fillId="0" borderId="8" xfId="0" applyFont="1" applyFill="1" applyBorder="1" applyAlignment="1">
      <alignment horizontal="center" vertical="center"/>
    </xf>
    <xf numFmtId="0" fontId="7" fillId="0" borderId="8" xfId="0" applyFont="1" applyFill="1" applyBorder="1">
      <alignment vertical="center"/>
    </xf>
    <xf numFmtId="0" fontId="7" fillId="0" borderId="7" xfId="0" applyFont="1" applyFill="1" applyBorder="1">
      <alignment vertical="center"/>
    </xf>
    <xf numFmtId="0" fontId="7" fillId="0" borderId="14" xfId="0" applyFont="1" applyFill="1" applyBorder="1">
      <alignment vertical="center"/>
    </xf>
    <xf numFmtId="0" fontId="7" fillId="0" borderId="6" xfId="0" applyFont="1" applyFill="1" applyBorder="1" applyAlignment="1">
      <alignment horizontal="left" vertical="center"/>
    </xf>
    <xf numFmtId="0" fontId="7" fillId="0" borderId="8" xfId="0" applyFont="1" applyBorder="1">
      <alignment vertical="center"/>
    </xf>
    <xf numFmtId="0" fontId="7" fillId="0" borderId="1" xfId="0" applyFont="1" applyFill="1" applyBorder="1" applyAlignment="1">
      <alignment horizontal="left" vertical="center"/>
    </xf>
    <xf numFmtId="0" fontId="7" fillId="0" borderId="5" xfId="0" applyFont="1" applyBorder="1">
      <alignment vertical="center"/>
    </xf>
    <xf numFmtId="0" fontId="7" fillId="0" borderId="32" xfId="0" applyFont="1" applyFill="1" applyBorder="1" applyAlignment="1">
      <alignment horizontal="center" vertical="center"/>
    </xf>
    <xf numFmtId="0" fontId="7" fillId="0" borderId="63" xfId="0" applyFont="1" applyBorder="1" applyAlignment="1">
      <alignment horizontal="left" vertical="center"/>
    </xf>
    <xf numFmtId="0" fontId="7" fillId="0" borderId="11" xfId="0" applyFont="1" applyFill="1" applyBorder="1" applyAlignment="1">
      <alignment horizontal="center" vertical="center" wrapText="1"/>
    </xf>
    <xf numFmtId="0" fontId="7" fillId="0" borderId="63" xfId="0" applyFont="1" applyBorder="1" applyAlignment="1">
      <alignment vertical="center" wrapText="1"/>
    </xf>
    <xf numFmtId="0" fontId="7" fillId="0" borderId="33" xfId="0" applyFont="1" applyBorder="1" applyAlignment="1">
      <alignment horizontal="center" vertical="center"/>
    </xf>
    <xf numFmtId="0" fontId="7" fillId="0" borderId="64" xfId="0" applyFont="1" applyBorder="1" applyAlignment="1">
      <alignment horizontal="left" vertical="center"/>
    </xf>
    <xf numFmtId="0" fontId="7" fillId="0" borderId="65" xfId="0" applyFont="1" applyFill="1" applyBorder="1" applyAlignment="1">
      <alignment horizontal="center" vertical="center" wrapText="1"/>
    </xf>
    <xf numFmtId="0" fontId="7" fillId="0" borderId="27" xfId="0" applyFont="1" applyBorder="1" applyAlignment="1">
      <alignment horizontal="center" vertical="center"/>
    </xf>
    <xf numFmtId="0" fontId="7" fillId="0" borderId="66" xfId="0" applyFont="1" applyBorder="1" applyAlignment="1">
      <alignment horizontal="left" vertical="center"/>
    </xf>
    <xf numFmtId="0" fontId="7" fillId="0" borderId="10" xfId="0" applyFont="1" applyFill="1" applyBorder="1" applyAlignment="1">
      <alignment horizontal="center" vertical="center" wrapText="1"/>
    </xf>
    <xf numFmtId="0" fontId="7" fillId="0" borderId="28" xfId="0" applyFont="1" applyBorder="1" applyAlignment="1">
      <alignment vertical="center" wrapText="1"/>
    </xf>
    <xf numFmtId="0" fontId="7" fillId="0" borderId="9" xfId="0" applyFont="1" applyBorder="1" applyAlignment="1">
      <alignment horizontal="left" vertical="center"/>
    </xf>
    <xf numFmtId="0" fontId="7" fillId="0" borderId="14" xfId="0" applyFont="1" applyBorder="1">
      <alignment vertical="center"/>
    </xf>
    <xf numFmtId="0" fontId="7" fillId="0" borderId="11" xfId="0" applyFont="1" applyBorder="1" applyAlignment="1">
      <alignment horizontal="center" vertical="center"/>
    </xf>
    <xf numFmtId="0" fontId="7" fillId="0" borderId="11" xfId="0" applyFont="1" applyBorder="1">
      <alignment vertical="center"/>
    </xf>
    <xf numFmtId="0" fontId="7" fillId="0" borderId="32" xfId="0" applyFont="1" applyBorder="1" applyAlignment="1">
      <alignment vertical="center" wrapText="1"/>
    </xf>
    <xf numFmtId="0" fontId="7" fillId="0" borderId="32" xfId="0" applyFont="1" applyBorder="1" applyAlignment="1">
      <alignment horizontal="left" vertical="center"/>
    </xf>
    <xf numFmtId="0" fontId="7" fillId="0" borderId="12" xfId="0" applyFont="1" applyBorder="1" applyAlignment="1">
      <alignment horizontal="center" vertical="center"/>
    </xf>
    <xf numFmtId="0" fontId="7" fillId="0" borderId="33" xfId="0" applyFont="1" applyBorder="1" applyAlignment="1">
      <alignment horizontal="left" vertical="center"/>
    </xf>
    <xf numFmtId="0" fontId="7" fillId="0" borderId="33" xfId="0" applyFont="1" applyBorder="1">
      <alignment vertical="center"/>
    </xf>
    <xf numFmtId="0" fontId="17" fillId="0" borderId="33" xfId="2" applyFont="1" applyFill="1" applyBorder="1" applyAlignment="1" applyProtection="1">
      <alignment horizontal="left" vertical="center" wrapText="1"/>
    </xf>
    <xf numFmtId="0" fontId="17" fillId="0" borderId="33" xfId="0" applyFont="1" applyFill="1" applyBorder="1" applyAlignment="1">
      <alignment vertical="center" wrapText="1"/>
    </xf>
    <xf numFmtId="0" fontId="17" fillId="0" borderId="27" xfId="0" applyFont="1" applyFill="1" applyBorder="1" applyAlignment="1">
      <alignment horizontal="left" vertical="center" wrapText="1"/>
    </xf>
    <xf numFmtId="0" fontId="7" fillId="0" borderId="27" xfId="0" applyFont="1" applyBorder="1" applyAlignment="1">
      <alignment horizontal="left" vertical="center"/>
    </xf>
    <xf numFmtId="0" fontId="7" fillId="0" borderId="9" xfId="0" applyFont="1" applyBorder="1" applyAlignment="1">
      <alignment horizontal="center" vertical="center"/>
    </xf>
    <xf numFmtId="0" fontId="17" fillId="0" borderId="32" xfId="2" applyFont="1" applyFill="1" applyBorder="1" applyAlignment="1" applyProtection="1">
      <alignment horizontal="left" vertical="center" wrapText="1"/>
    </xf>
    <xf numFmtId="0" fontId="7" fillId="0" borderId="10" xfId="0" applyFont="1" applyBorder="1" applyAlignment="1">
      <alignment horizontal="center" vertical="center"/>
    </xf>
    <xf numFmtId="0" fontId="7" fillId="0" borderId="27" xfId="0" applyFont="1" applyBorder="1" applyAlignment="1">
      <alignment vertical="center" wrapText="1"/>
    </xf>
    <xf numFmtId="0" fontId="7" fillId="0" borderId="29" xfId="0" applyFont="1" applyBorder="1" applyAlignment="1">
      <alignment horizontal="left" vertical="center"/>
    </xf>
    <xf numFmtId="0" fontId="7" fillId="0" borderId="0" xfId="0" applyFont="1" applyBorder="1" applyAlignment="1">
      <alignment horizontal="left" vertical="center"/>
    </xf>
    <xf numFmtId="0" fontId="7" fillId="0" borderId="2" xfId="0" applyFont="1" applyBorder="1">
      <alignment vertical="center"/>
    </xf>
    <xf numFmtId="0" fontId="7" fillId="0" borderId="7" xfId="0" applyFont="1" applyBorder="1" applyAlignment="1">
      <alignment horizontal="left" vertical="center"/>
    </xf>
    <xf numFmtId="0" fontId="7" fillId="0" borderId="7" xfId="0" applyFont="1" applyBorder="1">
      <alignment vertical="center"/>
    </xf>
    <xf numFmtId="0" fontId="7" fillId="0" borderId="19" xfId="0" applyFont="1" applyBorder="1" applyAlignment="1">
      <alignment horizontal="left" vertical="center" wrapText="1"/>
    </xf>
    <xf numFmtId="0" fontId="7" fillId="0" borderId="7" xfId="0" applyFont="1" applyBorder="1" applyAlignment="1">
      <alignment horizontal="center" vertical="center"/>
    </xf>
    <xf numFmtId="0" fontId="7" fillId="0" borderId="32" xfId="0" applyFont="1" applyBorder="1" applyAlignment="1">
      <alignment horizontal="left" vertical="center" wrapText="1"/>
    </xf>
    <xf numFmtId="0" fontId="7" fillId="4" borderId="33" xfId="2" applyFont="1" applyFill="1" applyBorder="1" applyAlignment="1" applyProtection="1">
      <alignment horizontal="left" vertical="center" wrapText="1"/>
    </xf>
    <xf numFmtId="0" fontId="7" fillId="0" borderId="3" xfId="0" applyFont="1" applyBorder="1">
      <alignment vertical="center"/>
    </xf>
    <xf numFmtId="0" fontId="7" fillId="4" borderId="27" xfId="2" applyFont="1" applyFill="1" applyBorder="1" applyAlignment="1" applyProtection="1">
      <alignment horizontal="left" vertical="center" wrapText="1"/>
    </xf>
    <xf numFmtId="0" fontId="7" fillId="0" borderId="2" xfId="0" applyFont="1" applyFill="1" applyBorder="1">
      <alignment vertical="center"/>
    </xf>
    <xf numFmtId="0" fontId="7" fillId="0" borderId="33" xfId="0" applyFont="1" applyFill="1" applyBorder="1" applyAlignment="1">
      <alignment horizontal="center" vertical="center"/>
    </xf>
    <xf numFmtId="0" fontId="7" fillId="0" borderId="33" xfId="0" applyFont="1" applyFill="1" applyBorder="1">
      <alignment vertical="center"/>
    </xf>
    <xf numFmtId="0" fontId="7" fillId="0" borderId="27" xfId="0" applyFont="1" applyFill="1" applyBorder="1" applyAlignment="1">
      <alignment horizontal="center" vertical="center"/>
    </xf>
    <xf numFmtId="0" fontId="7" fillId="0" borderId="67" xfId="0" applyFont="1" applyBorder="1" applyAlignment="1">
      <alignment horizontal="center" vertical="center"/>
    </xf>
    <xf numFmtId="0" fontId="7" fillId="0" borderId="65" xfId="0" applyFont="1" applyBorder="1" applyAlignment="1">
      <alignment horizontal="center" vertical="center"/>
    </xf>
    <xf numFmtId="0" fontId="7" fillId="0" borderId="68" xfId="0" applyFont="1" applyBorder="1" applyAlignment="1">
      <alignment horizontal="center" vertical="center"/>
    </xf>
    <xf numFmtId="0" fontId="7" fillId="0" borderId="32" xfId="0" applyFont="1" applyBorder="1">
      <alignment vertical="center"/>
    </xf>
    <xf numFmtId="0" fontId="17" fillId="0" borderId="9" xfId="0" applyFont="1" applyFill="1" applyBorder="1" applyAlignment="1" applyProtection="1">
      <alignment horizontal="center" vertical="center"/>
      <protection locked="0"/>
    </xf>
    <xf numFmtId="0" fontId="20" fillId="0" borderId="23" xfId="0" applyFont="1" applyFill="1" applyBorder="1" applyAlignment="1">
      <alignment vertical="center" wrapText="1"/>
    </xf>
    <xf numFmtId="0" fontId="17" fillId="0" borderId="9" xfId="0" applyFont="1" applyFill="1" applyBorder="1" applyAlignment="1" applyProtection="1">
      <alignment horizontal="center" vertical="center"/>
      <protection locked="0"/>
    </xf>
    <xf numFmtId="0" fontId="17" fillId="0" borderId="10" xfId="0" applyFont="1" applyBorder="1" applyAlignment="1" applyProtection="1">
      <alignment vertical="center" shrinkToFit="1"/>
      <protection locked="0"/>
    </xf>
    <xf numFmtId="0" fontId="12" fillId="0" borderId="0" xfId="2" applyFont="1" applyFill="1" applyBorder="1" applyAlignment="1" applyProtection="1">
      <alignment horizontal="center" vertical="center" wrapText="1"/>
    </xf>
    <xf numFmtId="0" fontId="12" fillId="0" borderId="0" xfId="2" applyFont="1" applyFill="1" applyBorder="1" applyAlignment="1" applyProtection="1">
      <alignment horizontal="center" vertical="center"/>
    </xf>
    <xf numFmtId="0" fontId="7" fillId="4" borderId="0" xfId="2" applyFont="1" applyFill="1" applyBorder="1" applyAlignment="1" applyProtection="1">
      <alignment horizontal="center" vertical="center" wrapText="1"/>
    </xf>
    <xf numFmtId="0" fontId="34" fillId="0" borderId="0" xfId="0" applyFont="1" applyFill="1" applyAlignment="1">
      <alignment horizontal="right" vertical="center"/>
    </xf>
    <xf numFmtId="0" fontId="7" fillId="0" borderId="9" xfId="0" applyFont="1" applyFill="1" applyBorder="1" applyAlignment="1">
      <alignment horizontal="left" vertical="center"/>
    </xf>
    <xf numFmtId="49" fontId="7" fillId="4" borderId="2" xfId="0" applyNumberFormat="1" applyFont="1" applyFill="1" applyBorder="1" applyAlignment="1">
      <alignment horizontal="center" vertical="center" wrapText="1"/>
    </xf>
    <xf numFmtId="49" fontId="7" fillId="4" borderId="4" xfId="0" applyNumberFormat="1" applyFont="1" applyFill="1" applyBorder="1" applyAlignment="1">
      <alignment horizontal="center" vertical="center" wrapText="1"/>
    </xf>
    <xf numFmtId="49" fontId="7" fillId="4" borderId="11" xfId="0" applyNumberFormat="1" applyFont="1" applyFill="1" applyBorder="1" applyAlignment="1">
      <alignment horizontal="center" vertical="center" wrapText="1"/>
    </xf>
    <xf numFmtId="49" fontId="7" fillId="4" borderId="12" xfId="0" applyNumberFormat="1" applyFont="1" applyFill="1" applyBorder="1" applyAlignment="1">
      <alignment horizontal="center" vertical="center" wrapText="1"/>
    </xf>
    <xf numFmtId="49" fontId="7" fillId="4" borderId="10" xfId="0" applyNumberFormat="1" applyFont="1" applyFill="1" applyBorder="1" applyAlignment="1">
      <alignment horizontal="center" vertical="center" wrapText="1"/>
    </xf>
    <xf numFmtId="0" fontId="7" fillId="0" borderId="15" xfId="0" applyFont="1" applyFill="1" applyBorder="1" applyAlignment="1">
      <alignment horizontal="center" vertical="center"/>
    </xf>
    <xf numFmtId="0" fontId="7" fillId="0" borderId="17" xfId="0" applyFont="1" applyFill="1" applyBorder="1" applyAlignment="1">
      <alignment horizontal="center" vertical="center"/>
    </xf>
    <xf numFmtId="0" fontId="7" fillId="0" borderId="31" xfId="0" applyFont="1" applyFill="1" applyBorder="1" applyAlignment="1">
      <alignment horizontal="left" vertical="center"/>
    </xf>
    <xf numFmtId="0" fontId="7" fillId="0" borderId="26" xfId="0" applyFont="1" applyFill="1" applyBorder="1" applyAlignment="1">
      <alignment horizontal="left" vertical="center"/>
    </xf>
    <xf numFmtId="0" fontId="7" fillId="0" borderId="29" xfId="0" applyFont="1" applyFill="1" applyBorder="1" applyAlignment="1">
      <alignment horizontal="left" vertical="center"/>
    </xf>
    <xf numFmtId="0" fontId="7" fillId="0" borderId="19" xfId="0" applyFont="1" applyFill="1" applyBorder="1" applyAlignment="1">
      <alignment horizontal="left" vertical="center"/>
    </xf>
    <xf numFmtId="0" fontId="7" fillId="0" borderId="8" xfId="9" applyFont="1" applyBorder="1" applyAlignment="1">
      <alignment horizontal="left" vertical="top" wrapText="1"/>
    </xf>
    <xf numFmtId="0" fontId="7" fillId="0" borderId="0" xfId="9" applyFont="1" applyBorder="1" applyAlignment="1">
      <alignment horizontal="left" vertical="top" wrapText="1"/>
    </xf>
    <xf numFmtId="0" fontId="67" fillId="0" borderId="0" xfId="0" applyFont="1" applyFill="1" applyAlignment="1">
      <alignment vertical="center" wrapText="1"/>
    </xf>
    <xf numFmtId="0" fontId="7" fillId="0" borderId="0" xfId="0" applyFont="1" applyAlignment="1">
      <alignment vertical="center" wrapText="1"/>
    </xf>
    <xf numFmtId="49" fontId="37" fillId="0" borderId="0" xfId="6" applyNumberFormat="1" applyFont="1" applyFill="1" applyBorder="1" applyAlignment="1">
      <alignment horizontal="center" vertical="center"/>
    </xf>
    <xf numFmtId="0" fontId="17" fillId="0" borderId="9" xfId="0" applyFont="1" applyFill="1" applyBorder="1" applyAlignment="1" applyProtection="1">
      <alignment horizontal="center" vertical="center" wrapText="1"/>
      <protection locked="0"/>
    </xf>
    <xf numFmtId="0" fontId="17" fillId="0" borderId="20" xfId="0" applyFont="1" applyFill="1" applyBorder="1" applyAlignment="1" applyProtection="1">
      <alignment horizontal="center" vertical="center" wrapText="1"/>
      <protection locked="0"/>
    </xf>
    <xf numFmtId="0" fontId="13" fillId="0" borderId="0" xfId="6" applyFont="1" applyBorder="1" applyAlignment="1">
      <alignment horizontal="left" vertical="center" wrapText="1"/>
    </xf>
    <xf numFmtId="0" fontId="7" fillId="0" borderId="0" xfId="6" applyFont="1" applyFill="1" applyBorder="1" applyAlignment="1">
      <alignment horizontal="left" wrapText="1"/>
    </xf>
    <xf numFmtId="0" fontId="12" fillId="0" borderId="0" xfId="6" applyFont="1" applyFill="1" applyBorder="1" applyAlignment="1">
      <alignment horizontal="right" vertical="center" wrapText="1"/>
    </xf>
    <xf numFmtId="0" fontId="12" fillId="0" borderId="0" xfId="6" applyFont="1" applyFill="1" applyBorder="1" applyAlignment="1">
      <alignment horizontal="left" vertical="center" wrapText="1"/>
    </xf>
    <xf numFmtId="0" fontId="13" fillId="0" borderId="0" xfId="6" applyFont="1" applyFill="1" applyBorder="1" applyAlignment="1">
      <alignment horizontal="left" vertical="center" wrapText="1" indent="1"/>
    </xf>
    <xf numFmtId="0" fontId="24" fillId="0" borderId="0" xfId="6" applyFont="1" applyFill="1" applyBorder="1" applyAlignment="1">
      <alignment horizontal="left" vertical="center" wrapText="1"/>
    </xf>
    <xf numFmtId="0" fontId="35" fillId="0" borderId="0" xfId="6" applyFont="1" applyFill="1" applyBorder="1" applyAlignment="1">
      <alignment horizontal="left" vertical="center" wrapText="1"/>
    </xf>
    <xf numFmtId="0" fontId="38" fillId="0" borderId="0" xfId="6" applyFont="1" applyBorder="1" applyAlignment="1">
      <alignment horizontal="left" vertical="center" wrapText="1"/>
    </xf>
    <xf numFmtId="0" fontId="17" fillId="0" borderId="11" xfId="0" applyFont="1" applyFill="1" applyBorder="1" applyAlignment="1" applyProtection="1">
      <alignment horizontal="center" vertical="center" wrapText="1"/>
      <protection locked="0"/>
    </xf>
    <xf numFmtId="0" fontId="17" fillId="0" borderId="10" xfId="0" applyFont="1" applyFill="1" applyBorder="1" applyAlignment="1" applyProtection="1">
      <alignment horizontal="center" vertical="center" wrapText="1"/>
      <protection locked="0"/>
    </xf>
    <xf numFmtId="0" fontId="17" fillId="0" borderId="30" xfId="0" applyFont="1" applyFill="1" applyBorder="1" applyAlignment="1" applyProtection="1">
      <alignment horizontal="center" vertical="center" wrapText="1"/>
      <protection locked="0"/>
    </xf>
    <xf numFmtId="0" fontId="47" fillId="0" borderId="0" xfId="0" applyFont="1" applyFill="1" applyBorder="1" applyAlignment="1" applyProtection="1">
      <alignment horizontal="left" shrinkToFit="1"/>
      <protection locked="0"/>
    </xf>
    <xf numFmtId="0" fontId="47" fillId="0" borderId="5" xfId="0" applyFont="1" applyFill="1" applyBorder="1" applyAlignment="1" applyProtection="1">
      <alignment horizontal="left" shrinkToFit="1"/>
      <protection locked="0"/>
    </xf>
    <xf numFmtId="0" fontId="17" fillId="0" borderId="0" xfId="3" applyFont="1" applyFill="1" applyBorder="1" applyAlignment="1" applyProtection="1">
      <alignment horizontal="center"/>
    </xf>
    <xf numFmtId="0" fontId="17" fillId="0" borderId="0" xfId="3" applyFont="1" applyFill="1" applyAlignment="1" applyProtection="1">
      <alignment horizontal="left" indent="6"/>
    </xf>
    <xf numFmtId="0" fontId="17" fillId="0" borderId="0" xfId="0" applyFont="1" applyFill="1" applyBorder="1" applyAlignment="1" applyProtection="1">
      <alignment horizontal="left" shrinkToFit="1"/>
      <protection locked="0"/>
    </xf>
    <xf numFmtId="0" fontId="17" fillId="0" borderId="5" xfId="0" applyFont="1" applyFill="1" applyBorder="1" applyAlignment="1" applyProtection="1">
      <alignment horizontal="left" shrinkToFit="1"/>
      <protection locked="0"/>
    </xf>
    <xf numFmtId="0" fontId="35" fillId="0" borderId="0" xfId="6" applyFont="1" applyFill="1" applyBorder="1" applyAlignment="1">
      <alignment horizontal="left" wrapText="1"/>
    </xf>
    <xf numFmtId="0" fontId="17" fillId="4" borderId="9" xfId="0" applyFont="1" applyFill="1" applyBorder="1" applyAlignment="1" applyProtection="1">
      <alignment horizontal="center" vertical="center" wrapText="1"/>
      <protection locked="0"/>
    </xf>
    <xf numFmtId="0" fontId="17" fillId="0" borderId="11" xfId="0" applyNumberFormat="1" applyFont="1" applyFill="1" applyBorder="1" applyAlignment="1" applyProtection="1">
      <alignment horizontal="center" vertical="center"/>
      <protection locked="0"/>
    </xf>
    <xf numFmtId="0" fontId="12" fillId="0" borderId="10" xfId="0" applyNumberFormat="1" applyFont="1" applyFill="1" applyBorder="1" applyAlignment="1" applyProtection="1">
      <alignment horizontal="center" vertical="center"/>
      <protection locked="0"/>
    </xf>
    <xf numFmtId="0" fontId="38" fillId="0" borderId="0" xfId="6" applyFont="1" applyFill="1" applyBorder="1" applyAlignment="1">
      <alignment horizontal="left" vertical="center" wrapText="1"/>
    </xf>
    <xf numFmtId="0" fontId="17" fillId="0" borderId="11" xfId="0" applyNumberFormat="1" applyFont="1" applyFill="1" applyBorder="1" applyAlignment="1" applyProtection="1">
      <alignment horizontal="center" vertical="center" shrinkToFit="1"/>
      <protection locked="0"/>
    </xf>
    <xf numFmtId="0" fontId="12" fillId="0" borderId="12" xfId="0" applyNumberFormat="1" applyFont="1" applyFill="1" applyBorder="1" applyAlignment="1" applyProtection="1">
      <alignment horizontal="center" vertical="center" shrinkToFit="1"/>
      <protection locked="0"/>
    </xf>
    <xf numFmtId="0" fontId="17" fillId="0" borderId="9" xfId="0" applyNumberFormat="1" applyFont="1" applyFill="1" applyBorder="1" applyAlignment="1" applyProtection="1">
      <alignment horizontal="center" vertical="center" wrapText="1"/>
      <protection locked="0"/>
    </xf>
    <xf numFmtId="0" fontId="12" fillId="0" borderId="9" xfId="0" applyNumberFormat="1" applyFont="1" applyFill="1" applyBorder="1" applyAlignment="1" applyProtection="1">
      <alignment horizontal="center" vertical="center" wrapText="1"/>
      <protection locked="0"/>
    </xf>
    <xf numFmtId="0" fontId="17" fillId="0" borderId="9" xfId="6" applyFont="1" applyFill="1" applyBorder="1" applyAlignment="1" applyProtection="1">
      <alignment horizontal="center" vertical="center"/>
      <protection locked="0"/>
    </xf>
    <xf numFmtId="0" fontId="12" fillId="0" borderId="9" xfId="6" applyFont="1" applyFill="1" applyBorder="1" applyAlignment="1" applyProtection="1">
      <alignment horizontal="center" vertical="center"/>
      <protection locked="0"/>
    </xf>
    <xf numFmtId="49" fontId="37" fillId="0" borderId="0" xfId="6" applyNumberFormat="1" applyFont="1" applyBorder="1" applyAlignment="1">
      <alignment horizontal="center" vertical="center"/>
    </xf>
    <xf numFmtId="0" fontId="17" fillId="0" borderId="11" xfId="0" applyFont="1" applyFill="1" applyBorder="1" applyAlignment="1" applyProtection="1">
      <alignment horizontal="center" vertical="center"/>
      <protection locked="0"/>
    </xf>
    <xf numFmtId="0" fontId="17" fillId="0" borderId="10" xfId="0" applyFont="1" applyFill="1" applyBorder="1" applyAlignment="1" applyProtection="1">
      <alignment horizontal="center" vertical="center"/>
      <protection locked="0"/>
    </xf>
    <xf numFmtId="0" fontId="17" fillId="0" borderId="12" xfId="0" applyFont="1" applyFill="1" applyBorder="1" applyAlignment="1" applyProtection="1">
      <alignment horizontal="center" vertical="center" wrapText="1"/>
      <protection locked="0"/>
    </xf>
    <xf numFmtId="0" fontId="17" fillId="0" borderId="9" xfId="0" applyFont="1" applyFill="1" applyBorder="1" applyAlignment="1" applyProtection="1">
      <alignment horizontal="center" vertical="center"/>
      <protection locked="0"/>
    </xf>
    <xf numFmtId="0" fontId="17" fillId="0" borderId="15" xfId="6" applyFont="1" applyBorder="1" applyAlignment="1">
      <alignment horizontal="center" vertical="center" wrapText="1"/>
    </xf>
    <xf numFmtId="0" fontId="17" fillId="0" borderId="16" xfId="6" applyFont="1" applyBorder="1" applyAlignment="1">
      <alignment horizontal="center" vertical="center" wrapText="1"/>
    </xf>
    <xf numFmtId="0" fontId="17" fillId="0" borderId="17" xfId="6" applyFont="1" applyBorder="1" applyAlignment="1">
      <alignment horizontal="center" vertical="center" wrapText="1"/>
    </xf>
    <xf numFmtId="0" fontId="17" fillId="0" borderId="12" xfId="0" applyFont="1" applyFill="1" applyBorder="1" applyAlignment="1" applyProtection="1">
      <alignment horizontal="center" vertical="center"/>
      <protection locked="0"/>
    </xf>
    <xf numFmtId="0" fontId="17" fillId="0" borderId="9" xfId="2" applyFont="1" applyFill="1" applyBorder="1" applyAlignment="1" applyProtection="1">
      <alignment horizontal="left" vertical="center" wrapText="1" indent="1"/>
    </xf>
    <xf numFmtId="0" fontId="17" fillId="0" borderId="29" xfId="2" applyFont="1" applyFill="1" applyBorder="1" applyAlignment="1" applyProtection="1">
      <alignment horizontal="center" vertical="center" wrapText="1"/>
      <protection locked="0"/>
    </xf>
    <xf numFmtId="0" fontId="17" fillId="0" borderId="19" xfId="2" applyFont="1" applyFill="1" applyBorder="1" applyAlignment="1" applyProtection="1">
      <alignment horizontal="center" vertical="center" wrapText="1"/>
      <protection locked="0"/>
    </xf>
    <xf numFmtId="0" fontId="16" fillId="4" borderId="34" xfId="2" applyFont="1" applyFill="1" applyBorder="1" applyAlignment="1" applyProtection="1">
      <alignment horizontal="left" vertical="center" wrapText="1"/>
    </xf>
    <xf numFmtId="0" fontId="16" fillId="4" borderId="35" xfId="2" applyFont="1" applyFill="1" applyBorder="1" applyAlignment="1" applyProtection="1">
      <alignment horizontal="left" vertical="center"/>
    </xf>
    <xf numFmtId="0" fontId="16" fillId="4" borderId="36" xfId="2" applyFont="1" applyFill="1" applyBorder="1" applyAlignment="1" applyProtection="1">
      <alignment horizontal="left" vertical="center"/>
    </xf>
    <xf numFmtId="0" fontId="16" fillId="4" borderId="37" xfId="2" applyFont="1" applyFill="1" applyBorder="1" applyAlignment="1" applyProtection="1">
      <alignment horizontal="left" vertical="center" wrapText="1"/>
    </xf>
    <xf numFmtId="0" fontId="16" fillId="4" borderId="0" xfId="2" applyFont="1" applyFill="1" applyBorder="1" applyAlignment="1" applyProtection="1">
      <alignment horizontal="left" vertical="center"/>
    </xf>
    <xf numFmtId="0" fontId="16" fillId="4" borderId="38" xfId="2" applyFont="1" applyFill="1" applyBorder="1" applyAlignment="1" applyProtection="1">
      <alignment horizontal="left" vertical="center"/>
    </xf>
    <xf numFmtId="0" fontId="16" fillId="4" borderId="39" xfId="2" applyFont="1" applyFill="1" applyBorder="1" applyAlignment="1" applyProtection="1">
      <alignment horizontal="left" vertical="center"/>
    </xf>
    <xf numFmtId="0" fontId="16" fillId="4" borderId="40" xfId="2" applyFont="1" applyFill="1" applyBorder="1" applyAlignment="1" applyProtection="1">
      <alignment horizontal="left" vertical="center"/>
    </xf>
    <xf numFmtId="0" fontId="16" fillId="4" borderId="41" xfId="2" applyFont="1" applyFill="1" applyBorder="1" applyAlignment="1" applyProtection="1">
      <alignment horizontal="left" vertical="center"/>
    </xf>
    <xf numFmtId="176" fontId="12" fillId="4" borderId="5" xfId="2" applyNumberFormat="1" applyFont="1" applyFill="1" applyBorder="1" applyAlignment="1" applyProtection="1">
      <alignment horizontal="left" vertical="center"/>
      <protection locked="0"/>
    </xf>
    <xf numFmtId="0" fontId="12" fillId="4" borderId="5" xfId="2" applyFont="1" applyFill="1" applyBorder="1" applyAlignment="1" applyProtection="1">
      <alignment horizontal="left" vertical="center"/>
      <protection locked="0"/>
    </xf>
    <xf numFmtId="0" fontId="17" fillId="4" borderId="8" xfId="2" applyFont="1" applyFill="1" applyBorder="1" applyAlignment="1" applyProtection="1">
      <alignment horizontal="center" vertical="center" wrapText="1"/>
    </xf>
    <xf numFmtId="0" fontId="17" fillId="0" borderId="5" xfId="0" applyFont="1" applyBorder="1" applyAlignment="1">
      <alignment vertical="center"/>
    </xf>
    <xf numFmtId="0" fontId="17" fillId="4" borderId="8" xfId="2" applyFont="1" applyFill="1" applyBorder="1" applyAlignment="1" applyProtection="1">
      <alignment horizontal="left" vertical="center"/>
      <protection locked="0"/>
    </xf>
    <xf numFmtId="0" fontId="17" fillId="4" borderId="5" xfId="2" applyFont="1" applyFill="1" applyBorder="1" applyAlignment="1" applyProtection="1">
      <alignment horizontal="left" vertical="center"/>
      <protection locked="0"/>
    </xf>
    <xf numFmtId="0" fontId="12" fillId="4" borderId="8" xfId="2" applyFont="1" applyFill="1" applyBorder="1" applyAlignment="1" applyProtection="1">
      <alignment horizontal="left" vertical="center"/>
    </xf>
    <xf numFmtId="0" fontId="17" fillId="0" borderId="46" xfId="2" applyFont="1" applyFill="1" applyBorder="1" applyAlignment="1" applyProtection="1">
      <alignment horizontal="center" vertical="center"/>
    </xf>
    <xf numFmtId="0" fontId="17" fillId="0" borderId="12" xfId="0" applyFont="1" applyBorder="1" applyAlignment="1">
      <alignment horizontal="center" vertical="center"/>
    </xf>
    <xf numFmtId="0" fontId="17" fillId="0" borderId="47" xfId="2" applyFont="1" applyFill="1" applyBorder="1" applyAlignment="1" applyProtection="1">
      <alignment horizontal="left" vertical="center" wrapText="1" indent="1"/>
    </xf>
    <xf numFmtId="0" fontId="17" fillId="0" borderId="48" xfId="0" applyFont="1" applyBorder="1" applyAlignment="1">
      <alignment horizontal="left" vertical="center" wrapText="1" indent="1"/>
    </xf>
    <xf numFmtId="0" fontId="17" fillId="0" borderId="49" xfId="0" applyFont="1" applyBorder="1" applyAlignment="1">
      <alignment horizontal="left" vertical="center" wrapText="1" indent="1"/>
    </xf>
    <xf numFmtId="0" fontId="17" fillId="0" borderId="69" xfId="2" applyFont="1" applyFill="1" applyBorder="1" applyAlignment="1" applyProtection="1">
      <alignment horizontal="center" vertical="center" wrapText="1"/>
      <protection locked="0"/>
    </xf>
    <xf numFmtId="0" fontId="17" fillId="0" borderId="70" xfId="2" applyFont="1" applyFill="1" applyBorder="1" applyAlignment="1" applyProtection="1">
      <alignment horizontal="center" vertical="center" wrapText="1"/>
      <protection locked="0"/>
    </xf>
    <xf numFmtId="0" fontId="18" fillId="4" borderId="0" xfId="2" applyFont="1" applyFill="1" applyBorder="1" applyAlignment="1" applyProtection="1">
      <alignment vertical="center"/>
    </xf>
    <xf numFmtId="0" fontId="17" fillId="0" borderId="0" xfId="0" applyFont="1" applyAlignment="1">
      <alignment vertical="center"/>
    </xf>
    <xf numFmtId="0" fontId="13" fillId="4" borderId="5" xfId="2" applyFont="1" applyFill="1" applyBorder="1" applyAlignment="1" applyProtection="1">
      <alignment horizontal="left" vertical="center"/>
      <protection locked="0"/>
    </xf>
    <xf numFmtId="0" fontId="17" fillId="0" borderId="43" xfId="2" applyFont="1" applyFill="1" applyBorder="1" applyAlignment="1" applyProtection="1">
      <alignment horizontal="center" vertical="center" wrapText="1"/>
    </xf>
    <xf numFmtId="0" fontId="17" fillId="0" borderId="44" xfId="2" applyFont="1" applyFill="1" applyBorder="1" applyAlignment="1" applyProtection="1">
      <alignment horizontal="center" vertical="center"/>
    </xf>
    <xf numFmtId="0" fontId="17" fillId="0" borderId="45" xfId="2" applyFont="1" applyFill="1" applyBorder="1" applyAlignment="1" applyProtection="1">
      <alignment horizontal="center" vertical="center"/>
    </xf>
    <xf numFmtId="0" fontId="17" fillId="0" borderId="29" xfId="2" applyFont="1" applyFill="1" applyBorder="1" applyAlignment="1" applyProtection="1">
      <alignment horizontal="left" vertical="center" wrapText="1" indent="1"/>
    </xf>
    <xf numFmtId="0" fontId="17" fillId="0" borderId="7" xfId="0" applyFont="1" applyBorder="1" applyAlignment="1">
      <alignment horizontal="left" vertical="center" wrapText="1" indent="1"/>
    </xf>
    <xf numFmtId="0" fontId="17" fillId="0" borderId="19" xfId="0" applyFont="1" applyBorder="1" applyAlignment="1">
      <alignment horizontal="left" vertical="center" wrapText="1" indent="1"/>
    </xf>
    <xf numFmtId="0" fontId="17" fillId="4" borderId="11" xfId="2" applyFont="1" applyFill="1" applyBorder="1" applyAlignment="1" applyProtection="1">
      <alignment horizontal="left" vertical="center" wrapText="1" indent="1"/>
    </xf>
    <xf numFmtId="0" fontId="17" fillId="4" borderId="52" xfId="2" applyFont="1" applyFill="1" applyBorder="1" applyAlignment="1" applyProtection="1">
      <alignment horizontal="center" vertical="center" wrapText="1"/>
      <protection locked="0"/>
    </xf>
    <xf numFmtId="0" fontId="17" fillId="4" borderId="52" xfId="2" applyFont="1" applyFill="1" applyBorder="1" applyAlignment="1" applyProtection="1">
      <alignment horizontal="center" vertical="center"/>
      <protection locked="0"/>
    </xf>
    <xf numFmtId="0" fontId="7" fillId="4" borderId="0" xfId="2" applyFont="1" applyFill="1" applyBorder="1" applyAlignment="1" applyProtection="1">
      <alignment horizontal="left" vertical="center" wrapText="1"/>
    </xf>
    <xf numFmtId="0" fontId="17" fillId="4" borderId="0" xfId="2" applyFont="1" applyFill="1" applyAlignment="1" applyProtection="1">
      <alignment vertical="center" wrapText="1"/>
    </xf>
    <xf numFmtId="0" fontId="17" fillId="0" borderId="0" xfId="0" applyFont="1" applyBorder="1" applyAlignment="1">
      <alignment vertical="center"/>
    </xf>
    <xf numFmtId="0" fontId="17" fillId="0" borderId="43" xfId="2" applyFont="1" applyFill="1" applyBorder="1" applyAlignment="1" applyProtection="1">
      <alignment horizontal="center" vertical="center"/>
    </xf>
    <xf numFmtId="0" fontId="17" fillId="4" borderId="0" xfId="2" applyFont="1" applyFill="1" applyBorder="1" applyAlignment="1" applyProtection="1">
      <alignment horizontal="left" vertical="center" wrapText="1" indent="1"/>
    </xf>
    <xf numFmtId="0" fontId="17" fillId="4" borderId="2" xfId="2" applyFont="1" applyFill="1" applyBorder="1" applyAlignment="1" applyProtection="1">
      <alignment horizontal="left" vertical="center" wrapText="1" indent="1"/>
    </xf>
    <xf numFmtId="0" fontId="17" fillId="4" borderId="1" xfId="2" applyFont="1" applyFill="1" applyBorder="1" applyAlignment="1" applyProtection="1">
      <alignment horizontal="center" vertical="center"/>
      <protection locked="0"/>
    </xf>
    <xf numFmtId="0" fontId="17" fillId="4" borderId="2" xfId="2" applyFont="1" applyFill="1" applyBorder="1" applyAlignment="1" applyProtection="1">
      <alignment horizontal="center" vertical="center"/>
      <protection locked="0"/>
    </xf>
    <xf numFmtId="0" fontId="17" fillId="4" borderId="11" xfId="2" applyFont="1" applyFill="1" applyBorder="1" applyAlignment="1" applyProtection="1">
      <alignment horizontal="center" vertical="center"/>
    </xf>
    <xf numFmtId="0" fontId="17" fillId="4" borderId="12" xfId="2" applyFont="1" applyFill="1" applyBorder="1" applyAlignment="1" applyProtection="1">
      <alignment horizontal="center" vertical="center"/>
    </xf>
    <xf numFmtId="0" fontId="17" fillId="0" borderId="10" xfId="0" applyFont="1" applyBorder="1" applyAlignment="1">
      <alignment horizontal="center" vertical="center"/>
    </xf>
    <xf numFmtId="0" fontId="17" fillId="0" borderId="11" xfId="0" applyFont="1" applyFill="1" applyBorder="1" applyAlignment="1">
      <alignment horizontal="left" vertical="center" wrapText="1"/>
    </xf>
    <xf numFmtId="0" fontId="17" fillId="0" borderId="12" xfId="0" applyFont="1" applyFill="1" applyBorder="1" applyAlignment="1">
      <alignment horizontal="left" vertical="center" wrapText="1"/>
    </xf>
    <xf numFmtId="0" fontId="17" fillId="0" borderId="12" xfId="0" applyFont="1" applyBorder="1" applyAlignment="1">
      <alignment horizontal="left" vertical="center" wrapText="1"/>
    </xf>
    <xf numFmtId="0" fontId="17" fillId="0" borderId="10" xfId="0" applyFont="1" applyBorder="1" applyAlignment="1">
      <alignment horizontal="left" vertical="center" wrapText="1"/>
    </xf>
    <xf numFmtId="49" fontId="17" fillId="0" borderId="11" xfId="0" applyNumberFormat="1" applyFont="1" applyBorder="1" applyAlignment="1">
      <alignment horizontal="center" vertical="center"/>
    </xf>
    <xf numFmtId="49" fontId="17" fillId="0" borderId="12" xfId="0" applyNumberFormat="1" applyFont="1" applyBorder="1" applyAlignment="1">
      <alignment horizontal="center" vertical="center"/>
    </xf>
    <xf numFmtId="0" fontId="17" fillId="4" borderId="29" xfId="2" applyFont="1" applyFill="1" applyBorder="1" applyAlignment="1" applyProtection="1">
      <alignment horizontal="left" vertical="center" wrapText="1" indent="1"/>
    </xf>
    <xf numFmtId="0" fontId="17" fillId="4" borderId="7" xfId="2" applyFont="1" applyFill="1" applyBorder="1" applyAlignment="1" applyProtection="1">
      <alignment horizontal="left" vertical="center" wrapText="1" indent="1"/>
    </xf>
    <xf numFmtId="0" fontId="17" fillId="4" borderId="19" xfId="2" applyFont="1" applyFill="1" applyBorder="1" applyAlignment="1" applyProtection="1">
      <alignment horizontal="left" vertical="center" wrapText="1" indent="1"/>
    </xf>
    <xf numFmtId="0" fontId="17" fillId="4" borderId="51" xfId="2" applyFont="1" applyFill="1" applyBorder="1" applyAlignment="1" applyProtection="1">
      <alignment horizontal="center" vertical="center" wrapText="1"/>
      <protection locked="0"/>
    </xf>
    <xf numFmtId="0" fontId="17" fillId="4" borderId="51" xfId="2" applyFont="1" applyFill="1" applyBorder="1" applyAlignment="1" applyProtection="1">
      <alignment horizontal="center" vertical="center"/>
      <protection locked="0"/>
    </xf>
    <xf numFmtId="0" fontId="17" fillId="4" borderId="9" xfId="2" applyFont="1" applyFill="1" applyBorder="1" applyAlignment="1" applyProtection="1">
      <alignment horizontal="left" vertical="center" wrapText="1" indent="1"/>
    </xf>
    <xf numFmtId="0" fontId="7" fillId="4" borderId="29" xfId="2" applyFont="1" applyFill="1" applyBorder="1" applyAlignment="1" applyProtection="1">
      <alignment horizontal="left" vertical="center" wrapText="1" indent="1"/>
    </xf>
    <xf numFmtId="0" fontId="7" fillId="4" borderId="7" xfId="2" applyFont="1" applyFill="1" applyBorder="1" applyAlignment="1" applyProtection="1">
      <alignment horizontal="left" vertical="center" wrapText="1" indent="1"/>
    </xf>
    <xf numFmtId="0" fontId="7" fillId="4" borderId="19" xfId="2" applyFont="1" applyFill="1" applyBorder="1" applyAlignment="1" applyProtection="1">
      <alignment horizontal="left" vertical="center" wrapText="1" indent="1"/>
    </xf>
    <xf numFmtId="0" fontId="17" fillId="4" borderId="9" xfId="2" applyFont="1" applyFill="1" applyBorder="1" applyAlignment="1" applyProtection="1">
      <alignment horizontal="center" vertical="center"/>
      <protection locked="0"/>
    </xf>
    <xf numFmtId="0" fontId="17" fillId="4" borderId="9" xfId="2" applyFont="1" applyFill="1" applyBorder="1" applyAlignment="1" applyProtection="1">
      <alignment horizontal="center" vertical="center"/>
    </xf>
    <xf numFmtId="0" fontId="7" fillId="5" borderId="5" xfId="2" applyFont="1" applyFill="1" applyBorder="1" applyAlignment="1" applyProtection="1">
      <alignment horizontal="left" vertical="center" wrapText="1"/>
    </xf>
    <xf numFmtId="0" fontId="7" fillId="5" borderId="6" xfId="2" applyFont="1" applyFill="1" applyBorder="1" applyAlignment="1" applyProtection="1">
      <alignment horizontal="center" vertical="center" wrapText="1"/>
    </xf>
    <xf numFmtId="0" fontId="7" fillId="5" borderId="8" xfId="2" applyFont="1" applyFill="1" applyBorder="1" applyAlignment="1" applyProtection="1">
      <alignment horizontal="center" vertical="center" wrapText="1"/>
    </xf>
    <xf numFmtId="0" fontId="7" fillId="5" borderId="14" xfId="2" applyFont="1" applyFill="1" applyBorder="1" applyAlignment="1" applyProtection="1">
      <alignment horizontal="center" vertical="center" wrapText="1"/>
    </xf>
    <xf numFmtId="0" fontId="7" fillId="5" borderId="53" xfId="2" applyFont="1" applyFill="1" applyBorder="1" applyAlignment="1" applyProtection="1">
      <alignment horizontal="center" vertical="center" wrapText="1"/>
    </xf>
    <xf numFmtId="0" fontId="7" fillId="5" borderId="40" xfId="2" applyFont="1" applyFill="1" applyBorder="1" applyAlignment="1" applyProtection="1">
      <alignment horizontal="center" vertical="center" wrapText="1"/>
    </xf>
    <xf numFmtId="0" fontId="7" fillId="5" borderId="54" xfId="2" applyFont="1" applyFill="1" applyBorder="1" applyAlignment="1" applyProtection="1">
      <alignment horizontal="center" vertical="center" wrapText="1"/>
    </xf>
    <xf numFmtId="0" fontId="13" fillId="5" borderId="6" xfId="2" applyFont="1" applyFill="1" applyBorder="1" applyAlignment="1" applyProtection="1">
      <alignment horizontal="center" vertical="center" wrapText="1"/>
    </xf>
    <xf numFmtId="0" fontId="13" fillId="5" borderId="14" xfId="2" applyFont="1" applyFill="1" applyBorder="1" applyAlignment="1" applyProtection="1">
      <alignment horizontal="center" vertical="center" wrapText="1"/>
    </xf>
    <xf numFmtId="0" fontId="13" fillId="5" borderId="53" xfId="2" applyFont="1" applyFill="1" applyBorder="1" applyAlignment="1" applyProtection="1">
      <alignment horizontal="center" vertical="center" wrapText="1"/>
    </xf>
    <xf numFmtId="0" fontId="13" fillId="5" borderId="54" xfId="2" applyFont="1" applyFill="1" applyBorder="1" applyAlignment="1" applyProtection="1">
      <alignment horizontal="center" vertical="center" wrapText="1"/>
    </xf>
    <xf numFmtId="0" fontId="7" fillId="5" borderId="11" xfId="2" applyFont="1" applyFill="1" applyBorder="1" applyAlignment="1" applyProtection="1">
      <alignment horizontal="center" vertical="center" wrapText="1"/>
    </xf>
    <xf numFmtId="0" fontId="7" fillId="5" borderId="55" xfId="2" applyFont="1" applyFill="1" applyBorder="1" applyAlignment="1" applyProtection="1">
      <alignment horizontal="center" vertical="center"/>
    </xf>
    <xf numFmtId="0" fontId="7" fillId="5" borderId="9" xfId="2" applyFont="1" applyFill="1" applyBorder="1" applyAlignment="1" applyProtection="1">
      <alignment horizontal="center" vertical="center" wrapText="1"/>
    </xf>
    <xf numFmtId="0" fontId="7" fillId="5" borderId="42" xfId="2" applyFont="1" applyFill="1" applyBorder="1" applyAlignment="1" applyProtection="1">
      <alignment horizontal="center" vertical="center" wrapText="1"/>
    </xf>
    <xf numFmtId="0" fontId="7" fillId="5" borderId="47" xfId="2" applyFont="1" applyFill="1" applyBorder="1" applyAlignment="1" applyProtection="1">
      <alignment horizontal="left" vertical="center" indent="2"/>
    </xf>
    <xf numFmtId="0" fontId="7" fillId="5" borderId="48" xfId="2" applyFont="1" applyFill="1" applyBorder="1" applyAlignment="1" applyProtection="1">
      <alignment horizontal="left" vertical="center" indent="2"/>
    </xf>
    <xf numFmtId="0" fontId="7" fillId="5" borderId="49" xfId="2" applyFont="1" applyFill="1" applyBorder="1" applyAlignment="1" applyProtection="1">
      <alignment horizontal="left" vertical="center" indent="2"/>
    </xf>
    <xf numFmtId="0" fontId="13" fillId="5" borderId="3" xfId="2" applyFont="1" applyFill="1" applyBorder="1" applyAlignment="1" applyProtection="1">
      <alignment horizontal="center" vertical="center" wrapText="1"/>
      <protection locked="0"/>
    </xf>
    <xf numFmtId="0" fontId="13" fillId="5" borderId="4" xfId="2" applyFont="1" applyFill="1" applyBorder="1" applyAlignment="1" applyProtection="1">
      <alignment horizontal="center" vertical="center" wrapText="1"/>
      <protection locked="0"/>
    </xf>
    <xf numFmtId="0" fontId="17" fillId="5" borderId="10" xfId="2" applyFont="1" applyFill="1" applyBorder="1" applyAlignment="1" applyProtection="1">
      <alignment horizontal="left" vertical="center"/>
      <protection locked="0"/>
    </xf>
    <xf numFmtId="0" fontId="7" fillId="5" borderId="44" xfId="2" applyFont="1" applyFill="1" applyBorder="1" applyAlignment="1" applyProtection="1">
      <alignment horizontal="center" vertical="center" wrapText="1"/>
    </xf>
    <xf numFmtId="0" fontId="7" fillId="5" borderId="44" xfId="2" applyFont="1" applyFill="1" applyBorder="1" applyAlignment="1" applyProtection="1">
      <alignment horizontal="center" vertical="center"/>
    </xf>
    <xf numFmtId="0" fontId="7" fillId="5" borderId="45" xfId="2" applyFont="1" applyFill="1" applyBorder="1" applyAlignment="1" applyProtection="1">
      <alignment horizontal="center" vertical="center"/>
    </xf>
    <xf numFmtId="0" fontId="7" fillId="5" borderId="43" xfId="2" applyFont="1" applyFill="1" applyBorder="1" applyAlignment="1" applyProtection="1">
      <alignment horizontal="center" vertical="center" wrapText="1"/>
    </xf>
    <xf numFmtId="0" fontId="7" fillId="5" borderId="5" xfId="2" applyFont="1" applyFill="1" applyBorder="1" applyAlignment="1" applyProtection="1">
      <alignment horizontal="left" vertical="center" wrapText="1" indent="1"/>
    </xf>
    <xf numFmtId="0" fontId="7" fillId="5" borderId="4" xfId="2" applyFont="1" applyFill="1" applyBorder="1" applyAlignment="1" applyProtection="1">
      <alignment horizontal="left" vertical="center" wrapText="1" indent="1"/>
    </xf>
    <xf numFmtId="0" fontId="17" fillId="5" borderId="10" xfId="2" applyFont="1" applyFill="1" applyBorder="1" applyAlignment="1" applyProtection="1">
      <alignment horizontal="center" vertical="center"/>
      <protection locked="0"/>
    </xf>
    <xf numFmtId="0" fontId="17" fillId="6" borderId="56" xfId="0" applyFont="1" applyFill="1" applyBorder="1" applyAlignment="1">
      <alignment horizontal="center" vertical="center"/>
    </xf>
    <xf numFmtId="0" fontId="17" fillId="6" borderId="58" xfId="0" applyFont="1" applyFill="1" applyBorder="1" applyAlignment="1">
      <alignment horizontal="center" vertical="center"/>
    </xf>
    <xf numFmtId="0" fontId="17" fillId="0" borderId="34" xfId="0" applyFont="1" applyBorder="1" applyAlignment="1">
      <alignment horizontal="left" vertical="center" wrapText="1"/>
    </xf>
    <xf numFmtId="0" fontId="17" fillId="0" borderId="36" xfId="0" applyFont="1" applyBorder="1" applyAlignment="1">
      <alignment horizontal="left" vertical="center" wrapText="1"/>
    </xf>
    <xf numFmtId="0" fontId="17" fillId="0" borderId="37" xfId="0" applyFont="1" applyBorder="1" applyAlignment="1">
      <alignment horizontal="left" vertical="center" wrapText="1"/>
    </xf>
    <xf numFmtId="0" fontId="17" fillId="0" borderId="38" xfId="0" applyFont="1" applyBorder="1" applyAlignment="1">
      <alignment horizontal="left" vertical="center" wrapText="1"/>
    </xf>
    <xf numFmtId="0" fontId="17" fillId="0" borderId="39" xfId="0" applyFont="1" applyBorder="1" applyAlignment="1">
      <alignment horizontal="left" vertical="center" wrapText="1"/>
    </xf>
    <xf numFmtId="0" fontId="17" fillId="0" borderId="41" xfId="0" applyFont="1" applyBorder="1" applyAlignment="1">
      <alignment horizontal="left" vertical="center" wrapText="1"/>
    </xf>
    <xf numFmtId="0" fontId="17" fillId="0" borderId="59" xfId="0" applyFont="1" applyBorder="1" applyAlignment="1">
      <alignment horizontal="left" vertical="center" wrapText="1"/>
    </xf>
    <xf numFmtId="0" fontId="17" fillId="0" borderId="60" xfId="0" applyFont="1" applyBorder="1" applyAlignment="1">
      <alignment horizontal="left" vertical="center" wrapText="1"/>
    </xf>
    <xf numFmtId="0" fontId="17" fillId="0" borderId="61" xfId="0" applyFont="1" applyBorder="1" applyAlignment="1">
      <alignment horizontal="left" vertical="center" wrapText="1"/>
    </xf>
    <xf numFmtId="0" fontId="7" fillId="5" borderId="29" xfId="2" applyFont="1" applyFill="1" applyBorder="1" applyAlignment="1" applyProtection="1">
      <alignment horizontal="left" vertical="center" indent="2"/>
    </xf>
    <xf numFmtId="0" fontId="7" fillId="5" borderId="7" xfId="2" applyFont="1" applyFill="1" applyBorder="1" applyAlignment="1" applyProtection="1">
      <alignment horizontal="left" vertical="center" indent="2"/>
    </xf>
    <xf numFmtId="0" fontId="7" fillId="5" borderId="19" xfId="2" applyFont="1" applyFill="1" applyBorder="1" applyAlignment="1" applyProtection="1">
      <alignment horizontal="left" vertical="center" indent="2"/>
    </xf>
    <xf numFmtId="0" fontId="13" fillId="5" borderId="29" xfId="2" applyFont="1" applyFill="1" applyBorder="1" applyAlignment="1" applyProtection="1">
      <alignment horizontal="center" vertical="center" wrapText="1"/>
      <protection locked="0"/>
    </xf>
    <xf numFmtId="0" fontId="13" fillId="5" borderId="19" xfId="2" applyFont="1" applyFill="1" applyBorder="1" applyAlignment="1" applyProtection="1">
      <alignment horizontal="center" vertical="center" wrapText="1"/>
      <protection locked="0"/>
    </xf>
    <xf numFmtId="0" fontId="17" fillId="5" borderId="9" xfId="2" applyFont="1" applyFill="1" applyBorder="1" applyAlignment="1" applyProtection="1">
      <alignment horizontal="left" vertical="center"/>
      <protection locked="0"/>
    </xf>
    <xf numFmtId="0" fontId="17" fillId="4" borderId="0" xfId="2" applyFont="1" applyFill="1" applyAlignment="1" applyProtection="1">
      <alignment horizontal="left"/>
      <protection locked="0"/>
    </xf>
    <xf numFmtId="0" fontId="17" fillId="4" borderId="5" xfId="2" applyFont="1" applyFill="1" applyBorder="1" applyAlignment="1" applyProtection="1">
      <alignment horizontal="left"/>
      <protection locked="0"/>
    </xf>
    <xf numFmtId="0" fontId="17" fillId="6" borderId="57" xfId="0" applyFont="1" applyFill="1" applyBorder="1" applyAlignment="1">
      <alignment horizontal="center" vertical="center"/>
    </xf>
    <xf numFmtId="0" fontId="17" fillId="6" borderId="34" xfId="0" applyFont="1" applyFill="1" applyBorder="1" applyAlignment="1">
      <alignment horizontal="center" vertical="center" wrapText="1"/>
    </xf>
    <xf numFmtId="0" fontId="17" fillId="0" borderId="35" xfId="0" applyFont="1" applyBorder="1" applyAlignment="1">
      <alignment horizontal="center" vertical="center" wrapText="1"/>
    </xf>
    <xf numFmtId="0" fontId="17" fillId="0" borderId="39" xfId="0" applyFont="1" applyBorder="1" applyAlignment="1">
      <alignment horizontal="center" vertical="center" wrapText="1"/>
    </xf>
    <xf numFmtId="0" fontId="17" fillId="0" borderId="40" xfId="0" applyFont="1" applyBorder="1" applyAlignment="1">
      <alignment horizontal="center" vertical="center" wrapText="1"/>
    </xf>
    <xf numFmtId="0" fontId="17" fillId="0" borderId="36" xfId="0" applyFont="1" applyBorder="1" applyAlignment="1">
      <alignment horizontal="center" vertical="center" wrapText="1"/>
    </xf>
    <xf numFmtId="0" fontId="17" fillId="6" borderId="39" xfId="0" applyFont="1" applyFill="1" applyBorder="1" applyAlignment="1">
      <alignment horizontal="center" vertical="center" wrapText="1"/>
    </xf>
    <xf numFmtId="0" fontId="17" fillId="0" borderId="41" xfId="0" applyFont="1" applyBorder="1" applyAlignment="1">
      <alignment horizontal="center" vertical="center" wrapText="1"/>
    </xf>
    <xf numFmtId="0" fontId="17" fillId="0" borderId="35" xfId="0" applyFont="1" applyBorder="1" applyAlignment="1">
      <alignment horizontal="left" vertical="center" wrapText="1"/>
    </xf>
    <xf numFmtId="0" fontId="17" fillId="0" borderId="40" xfId="0" applyFont="1" applyBorder="1" applyAlignment="1">
      <alignment horizontal="left" vertical="center" wrapText="1"/>
    </xf>
    <xf numFmtId="0" fontId="17" fillId="4" borderId="59" xfId="0" applyFont="1" applyFill="1" applyBorder="1" applyAlignment="1">
      <alignment horizontal="left" vertical="center" wrapText="1"/>
    </xf>
    <xf numFmtId="0" fontId="17" fillId="4" borderId="61" xfId="0" applyFont="1" applyFill="1" applyBorder="1" applyAlignment="1">
      <alignment horizontal="left" vertical="center" wrapText="1"/>
    </xf>
    <xf numFmtId="0" fontId="17" fillId="0" borderId="34" xfId="0" applyFont="1" applyFill="1" applyBorder="1" applyAlignment="1">
      <alignment horizontal="left" vertical="center" wrapText="1"/>
    </xf>
    <xf numFmtId="0" fontId="17" fillId="0" borderId="36" xfId="0" applyFont="1" applyFill="1" applyBorder="1" applyAlignment="1">
      <alignment horizontal="left" vertical="center" wrapText="1"/>
    </xf>
    <xf numFmtId="0" fontId="17" fillId="0" borderId="37" xfId="0" applyFont="1" applyFill="1" applyBorder="1" applyAlignment="1">
      <alignment horizontal="left" vertical="center" wrapText="1"/>
    </xf>
    <xf numFmtId="0" fontId="17" fillId="0" borderId="38" xfId="0" applyFont="1" applyFill="1" applyBorder="1" applyAlignment="1">
      <alignment horizontal="left" vertical="center" wrapText="1"/>
    </xf>
    <xf numFmtId="0" fontId="17" fillId="0" borderId="39" xfId="0" applyFont="1" applyFill="1" applyBorder="1" applyAlignment="1">
      <alignment horizontal="left" vertical="center" wrapText="1"/>
    </xf>
    <xf numFmtId="0" fontId="17" fillId="0" borderId="41" xfId="0" applyFont="1" applyFill="1" applyBorder="1" applyAlignment="1">
      <alignment horizontal="left" vertical="center" wrapText="1"/>
    </xf>
    <xf numFmtId="0" fontId="17" fillId="0" borderId="59" xfId="0" applyFont="1" applyBorder="1" applyAlignment="1">
      <alignment horizontal="left" vertical="center"/>
    </xf>
    <xf numFmtId="0" fontId="17" fillId="0" borderId="60" xfId="0" applyFont="1" applyBorder="1" applyAlignment="1">
      <alignment horizontal="left" vertical="center"/>
    </xf>
    <xf numFmtId="0" fontId="17" fillId="0" borderId="61" xfId="0" applyFont="1" applyBorder="1" applyAlignment="1">
      <alignment horizontal="left" vertical="center"/>
    </xf>
    <xf numFmtId="0" fontId="17" fillId="0" borderId="59" xfId="0" applyFont="1" applyBorder="1" applyAlignment="1">
      <alignment horizontal="center" vertical="center" wrapText="1"/>
    </xf>
    <xf numFmtId="0" fontId="17" fillId="0" borderId="61" xfId="0" applyFont="1" applyBorder="1" applyAlignment="1">
      <alignment vertical="center" wrapText="1"/>
    </xf>
    <xf numFmtId="0" fontId="17" fillId="7" borderId="59" xfId="0" applyFont="1" applyFill="1" applyBorder="1" applyAlignment="1">
      <alignment horizontal="left" vertical="center" wrapText="1"/>
    </xf>
    <xf numFmtId="0" fontId="7" fillId="0" borderId="61" xfId="0" applyFont="1" applyBorder="1" applyAlignment="1">
      <alignment vertical="center" wrapText="1"/>
    </xf>
    <xf numFmtId="0" fontId="17" fillId="0" borderId="15" xfId="10" applyFont="1" applyBorder="1" applyAlignment="1">
      <alignment horizontal="center" vertical="center" wrapText="1"/>
    </xf>
    <xf numFmtId="0" fontId="17" fillId="0" borderId="16" xfId="10" applyFont="1" applyBorder="1" applyAlignment="1">
      <alignment horizontal="center" vertical="center" wrapText="1"/>
    </xf>
    <xf numFmtId="0" fontId="17" fillId="0" borderId="17" xfId="10" applyFont="1" applyBorder="1" applyAlignment="1">
      <alignment horizontal="center" vertical="center" wrapText="1"/>
    </xf>
    <xf numFmtId="0" fontId="17" fillId="0" borderId="11" xfId="0" applyFont="1" applyBorder="1" applyAlignment="1">
      <alignment horizontal="center" vertical="center" wrapText="1"/>
    </xf>
    <xf numFmtId="0" fontId="17" fillId="0" borderId="10" xfId="0" applyFont="1" applyBorder="1" applyAlignment="1">
      <alignment horizontal="center" vertical="center" wrapText="1"/>
    </xf>
    <xf numFmtId="177" fontId="17" fillId="0" borderId="11" xfId="0" applyNumberFormat="1" applyFont="1" applyFill="1" applyBorder="1" applyAlignment="1">
      <alignment horizontal="center" vertical="center"/>
    </xf>
    <xf numFmtId="0" fontId="17" fillId="0" borderId="11" xfId="0" applyFont="1" applyBorder="1" applyAlignment="1">
      <alignment vertical="center" wrapText="1"/>
    </xf>
    <xf numFmtId="0" fontId="17" fillId="0" borderId="10" xfId="0" applyFont="1" applyBorder="1" applyAlignment="1">
      <alignment vertical="center" wrapText="1"/>
    </xf>
    <xf numFmtId="0" fontId="17" fillId="0" borderId="9" xfId="0" applyFont="1" applyBorder="1" applyAlignment="1">
      <alignment horizontal="center" vertical="center" wrapText="1"/>
    </xf>
    <xf numFmtId="0" fontId="17" fillId="0" borderId="12" xfId="0" applyFont="1" applyBorder="1" applyAlignment="1" applyProtection="1">
      <alignment horizontal="center" vertical="center"/>
      <protection locked="0"/>
    </xf>
    <xf numFmtId="0" fontId="17" fillId="0" borderId="10" xfId="0" applyFont="1" applyBorder="1" applyAlignment="1" applyProtection="1">
      <alignment horizontal="center" vertical="center"/>
      <protection locked="0"/>
    </xf>
    <xf numFmtId="0" fontId="17" fillId="0" borderId="8" xfId="0" applyFont="1" applyBorder="1" applyAlignment="1">
      <alignment vertical="center"/>
    </xf>
    <xf numFmtId="177" fontId="17" fillId="0" borderId="6" xfId="0" applyNumberFormat="1" applyFont="1" applyFill="1" applyBorder="1" applyAlignment="1">
      <alignment horizontal="center" vertical="center"/>
    </xf>
    <xf numFmtId="0" fontId="17" fillId="0" borderId="3" xfId="0" applyFont="1" applyBorder="1" applyAlignment="1">
      <alignment horizontal="center" vertical="center"/>
    </xf>
    <xf numFmtId="0" fontId="17" fillId="0" borderId="9" xfId="0" applyFont="1" applyBorder="1" applyAlignment="1">
      <alignment vertical="center"/>
    </xf>
    <xf numFmtId="0" fontId="17" fillId="0" borderId="8" xfId="0" applyFont="1" applyBorder="1" applyAlignment="1">
      <alignment vertical="center" wrapText="1"/>
    </xf>
    <xf numFmtId="0" fontId="48" fillId="2" borderId="11" xfId="0" applyFont="1" applyFill="1" applyBorder="1" applyAlignment="1">
      <alignment horizontal="center" vertical="center" wrapText="1"/>
    </xf>
    <xf numFmtId="0" fontId="68" fillId="0" borderId="12" xfId="0" applyFont="1" applyBorder="1" applyAlignment="1">
      <alignment horizontal="center" vertical="center"/>
    </xf>
    <xf numFmtId="0" fontId="68" fillId="0" borderId="10" xfId="0" applyFont="1" applyBorder="1" applyAlignment="1">
      <alignment horizontal="center" vertical="center"/>
    </xf>
    <xf numFmtId="0" fontId="7" fillId="4" borderId="8" xfId="2" applyFont="1" applyFill="1" applyBorder="1" applyAlignment="1" applyProtection="1">
      <alignment horizontal="left" vertical="center" wrapText="1"/>
    </xf>
    <xf numFmtId="0" fontId="7" fillId="0" borderId="8" xfId="0" applyFont="1" applyBorder="1" applyAlignment="1">
      <alignment vertical="center" wrapText="1"/>
    </xf>
    <xf numFmtId="0" fontId="7" fillId="0" borderId="14" xfId="0" applyFont="1" applyBorder="1" applyAlignment="1">
      <alignment vertical="center" wrapText="1"/>
    </xf>
    <xf numFmtId="0" fontId="7" fillId="0" borderId="0" xfId="0" applyFont="1" applyBorder="1" applyAlignment="1">
      <alignment vertical="center" wrapText="1"/>
    </xf>
    <xf numFmtId="0" fontId="7" fillId="0" borderId="2" xfId="0" applyFont="1" applyBorder="1" applyAlignment="1">
      <alignment vertical="center" wrapText="1"/>
    </xf>
    <xf numFmtId="0" fontId="18" fillId="4" borderId="0" xfId="2" quotePrefix="1" applyFont="1" applyFill="1" applyAlignment="1">
      <alignment horizontal="center" vertical="center"/>
    </xf>
    <xf numFmtId="0" fontId="37" fillId="0" borderId="0" xfId="0" applyFont="1" applyAlignment="1">
      <alignment vertical="center"/>
    </xf>
    <xf numFmtId="0" fontId="17" fillId="0" borderId="12" xfId="0" applyFont="1" applyBorder="1" applyAlignment="1">
      <alignment horizontal="center" vertical="center" wrapText="1"/>
    </xf>
    <xf numFmtId="0" fontId="7" fillId="3" borderId="11" xfId="0" applyFont="1" applyFill="1" applyBorder="1" applyAlignment="1">
      <alignment horizontal="center" vertical="center" wrapText="1"/>
    </xf>
    <xf numFmtId="0" fontId="7" fillId="3" borderId="24" xfId="0" applyFont="1" applyFill="1" applyBorder="1" applyAlignment="1">
      <alignment horizontal="center" vertical="center" wrapText="1"/>
    </xf>
    <xf numFmtId="0" fontId="7" fillId="0" borderId="6" xfId="0" applyFont="1" applyFill="1" applyBorder="1" applyAlignment="1">
      <alignment horizontal="left" vertical="center" wrapText="1"/>
    </xf>
    <xf numFmtId="0" fontId="7" fillId="0" borderId="1" xfId="0" applyFont="1" applyBorder="1" applyAlignment="1">
      <alignment vertical="center" wrapText="1"/>
    </xf>
  </cellXfs>
  <cellStyles count="11">
    <cellStyle name="Arial 9" xfId="7"/>
    <cellStyle name="標準" xfId="0" builtinId="0"/>
    <cellStyle name="標準 2" xfId="1"/>
    <cellStyle name="標準 2 2" xfId="9"/>
    <cellStyle name="標準 3" xfId="2"/>
    <cellStyle name="標準 4" xfId="4"/>
    <cellStyle name="標準 5" xfId="5"/>
    <cellStyle name="標準 6" xfId="6"/>
    <cellStyle name="標準 6 2" xfId="8"/>
    <cellStyle name="標準 6 3" xfId="10"/>
    <cellStyle name="標準_sheet2.2e" xfId="3"/>
  </cellStyles>
  <dxfs count="122">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ill>
        <patternFill>
          <bgColor theme="9" tint="0.59996337778862885"/>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i val="0"/>
        <color auto="1"/>
      </font>
      <fill>
        <patternFill>
          <bgColor theme="9" tint="0.59996337778862885"/>
        </patternFill>
      </fill>
    </dxf>
    <dxf>
      <font>
        <b/>
        <i val="0"/>
        <color theme="0"/>
      </font>
      <fill>
        <patternFill>
          <bgColor rgb="FFFF0000"/>
        </patternFill>
      </fill>
    </dxf>
    <dxf>
      <font>
        <b/>
        <i val="0"/>
        <color auto="1"/>
      </font>
      <fill>
        <patternFill>
          <bgColor theme="9" tint="0.59996337778862885"/>
        </patternFill>
      </fill>
    </dxf>
    <dxf>
      <font>
        <b/>
        <i val="0"/>
        <color auto="1"/>
      </font>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auto="1"/>
      </font>
      <fill>
        <patternFill>
          <bgColor theme="9" tint="0.59996337778862885"/>
        </patternFill>
      </fill>
    </dxf>
    <dxf>
      <font>
        <b/>
        <i val="0"/>
        <color auto="1"/>
      </font>
      <fill>
        <patternFill>
          <bgColor theme="9" tint="0.59996337778862885"/>
        </patternFill>
      </fill>
    </dxf>
    <dxf>
      <font>
        <b/>
        <i val="0"/>
        <color auto="1"/>
      </font>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s>
  <tableStyles count="0" defaultTableStyle="TableStyleMedium9" defaultPivotStyle="PivotStyleLight16"/>
  <colors>
    <mruColors>
      <color rgb="FF0000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1">
      <a:majorFont>
        <a:latin typeface="Cambria"/>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M48"/>
  <sheetViews>
    <sheetView showGridLines="0" tabSelected="1" view="pageBreakPreview" zoomScaleNormal="100" zoomScaleSheetLayoutView="100" workbookViewId="0"/>
  </sheetViews>
  <sheetFormatPr defaultColWidth="0.5703125" defaultRowHeight="12.75"/>
  <cols>
    <col min="1" max="1" width="4.42578125" style="59" customWidth="1"/>
    <col min="2" max="2" width="2.140625" style="49" customWidth="1"/>
    <col min="3" max="3" width="20" style="49" customWidth="1"/>
    <col min="4" max="4" width="64.42578125" style="49" bestFit="1" customWidth="1"/>
    <col min="5" max="5" width="17.42578125" style="49" bestFit="1" customWidth="1"/>
    <col min="6" max="16384" width="0.5703125" style="49"/>
  </cols>
  <sheetData>
    <row r="1" spans="1:13" ht="15.75">
      <c r="A1" s="49"/>
      <c r="D1" s="476" t="s">
        <v>746</v>
      </c>
      <c r="E1" s="476"/>
    </row>
    <row r="2" spans="1:13">
      <c r="A2" s="49"/>
    </row>
    <row r="3" spans="1:13">
      <c r="A3" s="491" t="s">
        <v>968</v>
      </c>
      <c r="B3" s="492"/>
      <c r="C3" s="492"/>
      <c r="D3" s="492"/>
      <c r="E3" s="492"/>
    </row>
    <row r="4" spans="1:13">
      <c r="A4" s="492"/>
      <c r="B4" s="492"/>
      <c r="C4" s="492"/>
      <c r="D4" s="492"/>
      <c r="E4" s="492"/>
    </row>
    <row r="5" spans="1:13">
      <c r="A5" s="320"/>
      <c r="B5" s="365" t="s">
        <v>977</v>
      </c>
      <c r="C5" s="365"/>
      <c r="D5" s="365"/>
      <c r="E5" s="365"/>
      <c r="F5" s="365"/>
      <c r="G5" s="365"/>
      <c r="H5" s="365"/>
      <c r="I5" s="365"/>
      <c r="J5" s="365"/>
      <c r="K5" s="365"/>
      <c r="L5" s="365"/>
      <c r="M5" s="365"/>
    </row>
    <row r="7" spans="1:13">
      <c r="A7" s="59">
        <v>1</v>
      </c>
      <c r="B7" s="49" t="s">
        <v>174</v>
      </c>
    </row>
    <row r="9" spans="1:13" ht="13.5" thickBot="1">
      <c r="C9" s="51" t="s">
        <v>161</v>
      </c>
      <c r="D9" s="51" t="s">
        <v>162</v>
      </c>
      <c r="E9" s="51" t="s">
        <v>978</v>
      </c>
    </row>
    <row r="10" spans="1:13" s="53" customFormat="1" ht="13.5" thickTop="1">
      <c r="A10" s="60"/>
      <c r="C10" s="54" t="s">
        <v>123</v>
      </c>
      <c r="D10" s="54" t="s">
        <v>163</v>
      </c>
      <c r="E10" s="478" t="s">
        <v>297</v>
      </c>
    </row>
    <row r="11" spans="1:13" s="53" customFormat="1">
      <c r="A11" s="60"/>
      <c r="C11" s="55"/>
      <c r="D11" s="55" t="s">
        <v>164</v>
      </c>
      <c r="E11" s="479"/>
    </row>
    <row r="12" spans="1:13" s="53" customFormat="1">
      <c r="A12" s="60"/>
      <c r="C12" s="54" t="s">
        <v>122</v>
      </c>
      <c r="D12" s="54" t="s">
        <v>165</v>
      </c>
      <c r="E12" s="480" t="s">
        <v>298</v>
      </c>
    </row>
    <row r="13" spans="1:13" s="53" customFormat="1">
      <c r="A13" s="60"/>
      <c r="C13" s="54"/>
      <c r="D13" s="54" t="s">
        <v>166</v>
      </c>
      <c r="E13" s="481"/>
    </row>
    <row r="14" spans="1:13" s="53" customFormat="1">
      <c r="A14" s="60"/>
      <c r="C14" s="55"/>
      <c r="D14" s="55" t="s">
        <v>167</v>
      </c>
      <c r="E14" s="482"/>
    </row>
    <row r="15" spans="1:13" ht="25.5">
      <c r="C15" s="56" t="s">
        <v>120</v>
      </c>
      <c r="D15" s="56" t="s">
        <v>168</v>
      </c>
      <c r="E15" s="169" t="s">
        <v>299</v>
      </c>
    </row>
    <row r="16" spans="1:13" ht="39.75" customHeight="1">
      <c r="C16" s="56" t="s">
        <v>121</v>
      </c>
      <c r="D16" s="56" t="s">
        <v>169</v>
      </c>
      <c r="E16" s="315" t="s">
        <v>300</v>
      </c>
    </row>
    <row r="17" spans="1:13" ht="39.75" customHeight="1">
      <c r="C17" s="366" t="s">
        <v>735</v>
      </c>
      <c r="D17" s="367" t="s">
        <v>973</v>
      </c>
      <c r="E17" s="368" t="s">
        <v>979</v>
      </c>
      <c r="F17" s="307"/>
      <c r="G17" s="306"/>
      <c r="H17" s="306"/>
      <c r="I17" s="306"/>
      <c r="J17" s="306"/>
      <c r="K17" s="306"/>
      <c r="L17" s="308" t="s">
        <v>733</v>
      </c>
      <c r="M17" s="53"/>
    </row>
    <row r="18" spans="1:13" ht="39.75" customHeight="1">
      <c r="C18" s="366" t="s">
        <v>734</v>
      </c>
      <c r="D18" s="369" t="s">
        <v>974</v>
      </c>
      <c r="E18" s="370" t="s">
        <v>737</v>
      </c>
      <c r="F18" s="373"/>
      <c r="G18" s="374"/>
      <c r="H18" s="374"/>
      <c r="I18" s="374"/>
      <c r="J18" s="374"/>
      <c r="K18" s="374"/>
      <c r="L18" s="308" t="s">
        <v>733</v>
      </c>
      <c r="M18" s="53"/>
    </row>
    <row r="19" spans="1:13">
      <c r="C19" s="489" t="s">
        <v>980</v>
      </c>
      <c r="D19" s="489"/>
      <c r="E19" s="489"/>
    </row>
    <row r="20" spans="1:13">
      <c r="C20" s="490"/>
      <c r="D20" s="490"/>
      <c r="E20" s="490"/>
    </row>
    <row r="21" spans="1:13">
      <c r="C21" s="490"/>
      <c r="D21" s="490"/>
      <c r="E21" s="490"/>
    </row>
    <row r="22" spans="1:13">
      <c r="C22" s="490"/>
      <c r="D22" s="490"/>
      <c r="E22" s="490"/>
    </row>
    <row r="23" spans="1:13">
      <c r="C23" s="371" t="s">
        <v>969</v>
      </c>
      <c r="D23" s="310"/>
      <c r="E23" s="343"/>
    </row>
    <row r="24" spans="1:13">
      <c r="C24" s="372" t="s">
        <v>970</v>
      </c>
      <c r="D24" s="310"/>
      <c r="E24" s="343"/>
    </row>
    <row r="25" spans="1:13" ht="14.25">
      <c r="C25" s="372" t="s">
        <v>971</v>
      </c>
      <c r="D25" s="309"/>
      <c r="E25" s="343"/>
    </row>
    <row r="26" spans="1:13" ht="14.25">
      <c r="C26" s="372" t="s">
        <v>972</v>
      </c>
      <c r="D26" s="311"/>
      <c r="E26" s="343"/>
    </row>
    <row r="28" spans="1:13">
      <c r="A28" s="59">
        <v>2</v>
      </c>
      <c r="B28" s="49" t="s">
        <v>747</v>
      </c>
    </row>
    <row r="29" spans="1:13" ht="13.5" thickBot="1">
      <c r="C29" s="51" t="s">
        <v>161</v>
      </c>
      <c r="D29" s="483" t="s">
        <v>170</v>
      </c>
      <c r="E29" s="484"/>
    </row>
    <row r="30" spans="1:13" ht="13.5" thickTop="1">
      <c r="C30" s="54" t="s">
        <v>123</v>
      </c>
      <c r="D30" s="477" t="s">
        <v>981</v>
      </c>
      <c r="E30" s="477"/>
    </row>
    <row r="31" spans="1:13">
      <c r="C31" s="55" t="s">
        <v>736</v>
      </c>
      <c r="D31" s="477" t="s">
        <v>171</v>
      </c>
      <c r="E31" s="477"/>
    </row>
    <row r="32" spans="1:13">
      <c r="C32" s="57" t="s">
        <v>122</v>
      </c>
      <c r="D32" s="477" t="s">
        <v>982</v>
      </c>
      <c r="E32" s="477"/>
    </row>
    <row r="33" spans="1:5">
      <c r="C33" s="57" t="s">
        <v>736</v>
      </c>
      <c r="D33" s="477" t="s">
        <v>774</v>
      </c>
      <c r="E33" s="477"/>
    </row>
    <row r="34" spans="1:5">
      <c r="C34" s="58"/>
      <c r="D34" s="477" t="s">
        <v>929</v>
      </c>
      <c r="E34" s="477"/>
    </row>
    <row r="36" spans="1:5">
      <c r="A36" s="59">
        <v>3</v>
      </c>
      <c r="B36" s="49" t="s">
        <v>983</v>
      </c>
    </row>
    <row r="37" spans="1:5" ht="13.5" thickBot="1">
      <c r="C37" s="51" t="s">
        <v>172</v>
      </c>
      <c r="D37" s="483" t="s">
        <v>173</v>
      </c>
      <c r="E37" s="484"/>
    </row>
    <row r="38" spans="1:5" ht="13.5" thickTop="1">
      <c r="C38" s="55" t="s">
        <v>775</v>
      </c>
      <c r="D38" s="485" t="s">
        <v>984</v>
      </c>
      <c r="E38" s="486"/>
    </row>
    <row r="39" spans="1:5">
      <c r="C39" s="56" t="s">
        <v>776</v>
      </c>
      <c r="D39" s="487" t="s">
        <v>930</v>
      </c>
      <c r="E39" s="488"/>
    </row>
    <row r="40" spans="1:5">
      <c r="C40" s="56" t="s">
        <v>175</v>
      </c>
      <c r="D40" s="477" t="s">
        <v>985</v>
      </c>
      <c r="E40" s="477"/>
    </row>
    <row r="41" spans="1:5">
      <c r="C41" s="56" t="s">
        <v>176</v>
      </c>
      <c r="D41" s="477" t="s">
        <v>301</v>
      </c>
      <c r="E41" s="477"/>
    </row>
    <row r="43" spans="1:5">
      <c r="A43" s="59">
        <v>4</v>
      </c>
      <c r="B43" s="49" t="s">
        <v>177</v>
      </c>
    </row>
    <row r="44" spans="1:5">
      <c r="B44" s="49" t="s">
        <v>178</v>
      </c>
    </row>
    <row r="45" spans="1:5">
      <c r="B45" s="49" t="s">
        <v>179</v>
      </c>
    </row>
    <row r="47" spans="1:5">
      <c r="A47" s="59">
        <v>5</v>
      </c>
      <c r="B47" s="49" t="s">
        <v>180</v>
      </c>
    </row>
    <row r="48" spans="1:5">
      <c r="B48" s="49" t="s">
        <v>181</v>
      </c>
    </row>
  </sheetData>
  <sheetProtection password="E0C6" sheet="1" objects="1" scenarios="1"/>
  <mergeCells count="16">
    <mergeCell ref="D1:E1"/>
    <mergeCell ref="D41:E41"/>
    <mergeCell ref="E10:E11"/>
    <mergeCell ref="E12:E14"/>
    <mergeCell ref="D29:E29"/>
    <mergeCell ref="D30:E30"/>
    <mergeCell ref="D31:E31"/>
    <mergeCell ref="D32:E32"/>
    <mergeCell ref="D33:E33"/>
    <mergeCell ref="D37:E37"/>
    <mergeCell ref="D38:E38"/>
    <mergeCell ref="D39:E39"/>
    <mergeCell ref="D40:E40"/>
    <mergeCell ref="D34:E34"/>
    <mergeCell ref="C19:E22"/>
    <mergeCell ref="A3:E4"/>
  </mergeCells>
  <phoneticPr fontId="6"/>
  <printOptions horizontalCentered="1"/>
  <pageMargins left="0.59055118110236227" right="0.59055118110236227" top="0.78740157480314965" bottom="0.59055118110236227" header="0.31496062992125984" footer="0.31496062992125984"/>
  <pageSetup paperSize="9" scale="93"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A1:G65"/>
  <sheetViews>
    <sheetView showGridLines="0" view="pageBreakPreview" zoomScaleNormal="100" zoomScaleSheetLayoutView="100" workbookViewId="0">
      <selection activeCell="F4" sqref="F4"/>
    </sheetView>
  </sheetViews>
  <sheetFormatPr defaultColWidth="0.7109375" defaultRowHeight="15.75"/>
  <cols>
    <col min="1" max="1" width="1.42578125" style="50" customWidth="1"/>
    <col min="2" max="2" width="1.42578125" style="59" customWidth="1"/>
    <col min="3" max="3" width="0.7109375" style="49" customWidth="1"/>
    <col min="4" max="4" width="4.7109375" style="78" bestFit="1" customWidth="1"/>
    <col min="5" max="5" width="45.28515625" style="49" customWidth="1"/>
    <col min="6" max="6" width="67.5703125" style="49" customWidth="1"/>
    <col min="7" max="7" width="21.28515625" style="49" customWidth="1"/>
    <col min="8" max="8" width="1.28515625" style="49" customWidth="1"/>
    <col min="9" max="16384" width="0.7109375" style="49"/>
  </cols>
  <sheetData>
    <row r="1" spans="1:7" ht="12.75">
      <c r="A1" s="61"/>
      <c r="B1" s="61"/>
      <c r="C1" s="62"/>
      <c r="D1" s="62"/>
      <c r="E1" s="1"/>
      <c r="F1" s="1"/>
      <c r="G1" s="2" t="str">
        <f>F16</f>
        <v xml:space="preserve"> </v>
      </c>
    </row>
    <row r="2" spans="1:7" ht="14.25">
      <c r="A2" s="31" t="s">
        <v>146</v>
      </c>
      <c r="D2" s="7"/>
      <c r="E2" s="31"/>
      <c r="F2" s="31"/>
      <c r="G2" s="31"/>
    </row>
    <row r="3" spans="1:7" ht="14.25">
      <c r="A3" s="1" t="s">
        <v>0</v>
      </c>
      <c r="D3" s="7"/>
      <c r="E3" s="31"/>
      <c r="F3" s="31"/>
      <c r="G3" s="31"/>
    </row>
    <row r="4" spans="1:7" ht="21" customHeight="1">
      <c r="C4" s="31"/>
      <c r="D4" s="31"/>
      <c r="E4" s="19" t="s">
        <v>148</v>
      </c>
      <c r="F4" s="157"/>
    </row>
    <row r="5" spans="1:7" ht="21" customHeight="1">
      <c r="C5" s="31"/>
      <c r="D5" s="31"/>
      <c r="E5" s="20" t="s">
        <v>149</v>
      </c>
      <c r="F5" s="158"/>
      <c r="G5" s="363"/>
    </row>
    <row r="6" spans="1:7" ht="21" customHeight="1">
      <c r="C6" s="31"/>
      <c r="D6" s="31"/>
      <c r="E6" s="20" t="s">
        <v>150</v>
      </c>
      <c r="F6" s="159"/>
    </row>
    <row r="7" spans="1:7">
      <c r="C7" s="31"/>
      <c r="D7" s="31"/>
      <c r="E7" s="31"/>
      <c r="F7" s="31"/>
      <c r="G7" s="31"/>
    </row>
    <row r="8" spans="1:7" ht="26.25">
      <c r="C8" s="364" t="s">
        <v>1034</v>
      </c>
      <c r="D8" s="8"/>
      <c r="E8" s="31"/>
      <c r="F8" s="31"/>
      <c r="G8" s="9"/>
    </row>
    <row r="9" spans="1:7">
      <c r="C9" s="10" t="s">
        <v>337</v>
      </c>
      <c r="D9" s="4"/>
      <c r="E9" s="31"/>
      <c r="F9" s="31"/>
      <c r="G9" s="9"/>
    </row>
    <row r="10" spans="1:7">
      <c r="C10" s="10" t="s">
        <v>305</v>
      </c>
      <c r="D10" s="4"/>
      <c r="E10" s="31"/>
      <c r="F10" s="31"/>
      <c r="G10" s="9"/>
    </row>
    <row r="11" spans="1:7">
      <c r="C11" s="31"/>
      <c r="D11" s="31"/>
      <c r="E11" s="31"/>
      <c r="F11" s="31"/>
      <c r="G11" s="31"/>
    </row>
    <row r="12" spans="1:7">
      <c r="C12" s="31" t="s">
        <v>975</v>
      </c>
      <c r="D12" s="7"/>
      <c r="E12" s="31"/>
      <c r="F12" s="31"/>
      <c r="G12" s="9"/>
    </row>
    <row r="13" spans="1:7">
      <c r="C13" s="1" t="s">
        <v>319</v>
      </c>
      <c r="D13" s="3"/>
      <c r="E13" s="31"/>
      <c r="F13" s="31"/>
      <c r="G13" s="9"/>
    </row>
    <row r="14" spans="1:7">
      <c r="C14" s="31"/>
      <c r="D14" s="31"/>
      <c r="E14" s="31"/>
      <c r="F14" s="31"/>
      <c r="G14" s="31"/>
    </row>
    <row r="15" spans="1:7">
      <c r="C15" s="31"/>
      <c r="D15" s="31"/>
      <c r="E15" s="30" t="s">
        <v>147</v>
      </c>
      <c r="F15" s="10"/>
      <c r="G15" s="9"/>
    </row>
    <row r="16" spans="1:7" ht="21" customHeight="1">
      <c r="C16" s="31"/>
      <c r="D16" s="31"/>
      <c r="E16" s="11" t="s">
        <v>739</v>
      </c>
      <c r="F16" s="170" t="s">
        <v>292</v>
      </c>
    </row>
    <row r="17" spans="1:7" ht="21" customHeight="1">
      <c r="C17" s="31"/>
      <c r="D17" s="31"/>
      <c r="E17" s="11" t="s">
        <v>306</v>
      </c>
      <c r="F17" s="158"/>
    </row>
    <row r="18" spans="1:7" ht="21" customHeight="1">
      <c r="C18" s="31"/>
      <c r="D18" s="31"/>
      <c r="E18" s="11" t="s">
        <v>192</v>
      </c>
      <c r="F18" s="158"/>
    </row>
    <row r="19" spans="1:7" ht="21" customHeight="1">
      <c r="C19" s="31"/>
      <c r="D19" s="31"/>
      <c r="E19" s="11" t="s">
        <v>1035</v>
      </c>
      <c r="F19" s="158"/>
    </row>
    <row r="21" spans="1:7" s="53" customFormat="1" ht="16.5">
      <c r="A21" s="29" t="s">
        <v>145</v>
      </c>
      <c r="B21" s="68"/>
      <c r="C21" s="69"/>
      <c r="D21" s="70"/>
      <c r="E21" s="71"/>
      <c r="F21" s="71"/>
      <c r="G21" s="69"/>
    </row>
    <row r="22" spans="1:7" s="53" customFormat="1" ht="12.75">
      <c r="A22" s="64"/>
      <c r="B22" s="64"/>
      <c r="C22" s="65"/>
      <c r="D22" s="66"/>
      <c r="E22" s="67"/>
      <c r="F22" s="67"/>
      <c r="G22" s="65"/>
    </row>
    <row r="23" spans="1:7" s="53" customFormat="1">
      <c r="A23" s="63"/>
      <c r="B23" s="30" t="s">
        <v>740</v>
      </c>
      <c r="C23" s="69"/>
      <c r="D23" s="70"/>
      <c r="E23" s="71"/>
      <c r="F23" s="71"/>
      <c r="G23" s="69"/>
    </row>
    <row r="24" spans="1:7" s="53" customFormat="1" ht="12.75">
      <c r="A24" s="64"/>
      <c r="B24" s="72" t="s">
        <v>93</v>
      </c>
      <c r="C24" s="65"/>
      <c r="D24" s="66"/>
      <c r="E24" s="67"/>
      <c r="F24" s="67"/>
      <c r="G24" s="65"/>
    </row>
    <row r="25" spans="1:7" s="53" customFormat="1">
      <c r="A25" s="63"/>
      <c r="B25" s="68"/>
      <c r="C25" s="498" t="s">
        <v>294</v>
      </c>
      <c r="D25" s="498"/>
      <c r="E25" s="498"/>
      <c r="F25" s="498"/>
      <c r="G25" s="498"/>
    </row>
    <row r="26" spans="1:7" s="78" customFormat="1" ht="16.5" thickBot="1">
      <c r="A26" s="73"/>
      <c r="B26" s="74"/>
      <c r="C26" s="75"/>
      <c r="D26" s="76" t="s">
        <v>17</v>
      </c>
      <c r="E26" s="77" t="s">
        <v>1036</v>
      </c>
      <c r="F26" s="77" t="s">
        <v>916</v>
      </c>
      <c r="G26" s="12" t="s">
        <v>1037</v>
      </c>
    </row>
    <row r="27" spans="1:7" ht="29.25" thickTop="1">
      <c r="A27" s="79"/>
      <c r="B27" s="80"/>
      <c r="C27" s="81"/>
      <c r="D27" s="82">
        <v>1</v>
      </c>
      <c r="E27" s="163" t="s">
        <v>1038</v>
      </c>
      <c r="F27" s="42" t="s">
        <v>1039</v>
      </c>
      <c r="G27" s="506" t="s">
        <v>130</v>
      </c>
    </row>
    <row r="28" spans="1:7" ht="24">
      <c r="A28" s="64"/>
      <c r="B28" s="64"/>
      <c r="C28" s="65"/>
      <c r="D28" s="83"/>
      <c r="E28" s="27" t="s">
        <v>51</v>
      </c>
      <c r="F28" s="27" t="s">
        <v>52</v>
      </c>
      <c r="G28" s="505"/>
    </row>
    <row r="29" spans="1:7" ht="16.5" customHeight="1">
      <c r="A29" s="79"/>
      <c r="B29" s="80"/>
      <c r="C29" s="81"/>
      <c r="D29" s="84">
        <v>2</v>
      </c>
      <c r="E29" s="28" t="s">
        <v>1040</v>
      </c>
      <c r="F29" s="26" t="s">
        <v>1041</v>
      </c>
      <c r="G29" s="504" t="s">
        <v>130</v>
      </c>
    </row>
    <row r="30" spans="1:7" ht="12.75" customHeight="1">
      <c r="A30" s="64"/>
      <c r="B30" s="64"/>
      <c r="C30" s="65"/>
      <c r="D30" s="83"/>
      <c r="E30" s="27" t="s">
        <v>53</v>
      </c>
      <c r="F30" s="27" t="s">
        <v>54</v>
      </c>
      <c r="G30" s="505"/>
    </row>
    <row r="31" spans="1:7">
      <c r="A31" s="79"/>
      <c r="B31" s="80"/>
      <c r="C31" s="81"/>
      <c r="D31" s="84">
        <v>3</v>
      </c>
      <c r="E31" s="28" t="s">
        <v>1042</v>
      </c>
      <c r="F31" s="26" t="s">
        <v>1041</v>
      </c>
      <c r="G31" s="494" t="s">
        <v>130</v>
      </c>
    </row>
    <row r="32" spans="1:7" ht="12.75" customHeight="1">
      <c r="A32" s="64"/>
      <c r="B32" s="64"/>
      <c r="C32" s="65"/>
      <c r="D32" s="83"/>
      <c r="E32" s="27" t="s">
        <v>55</v>
      </c>
      <c r="F32" s="27" t="s">
        <v>54</v>
      </c>
      <c r="G32" s="494"/>
    </row>
    <row r="33" spans="1:7">
      <c r="A33" s="79"/>
      <c r="B33" s="80"/>
      <c r="C33" s="81"/>
      <c r="D33" s="84">
        <v>4</v>
      </c>
      <c r="E33" s="26" t="s">
        <v>1043</v>
      </c>
      <c r="F33" s="26" t="s">
        <v>1044</v>
      </c>
      <c r="G33" s="494" t="s">
        <v>130</v>
      </c>
    </row>
    <row r="34" spans="1:7" ht="12.75" customHeight="1">
      <c r="A34" s="64"/>
      <c r="B34" s="64"/>
      <c r="C34" s="65"/>
      <c r="D34" s="83"/>
      <c r="E34" s="27" t="s">
        <v>46</v>
      </c>
      <c r="F34" s="27" t="s">
        <v>54</v>
      </c>
      <c r="G34" s="494"/>
    </row>
    <row r="35" spans="1:7" ht="47.25" customHeight="1">
      <c r="A35" s="79"/>
      <c r="B35" s="80"/>
      <c r="C35" s="81"/>
      <c r="D35" s="84">
        <v>5</v>
      </c>
      <c r="E35" s="26" t="s">
        <v>1045</v>
      </c>
      <c r="F35" s="42" t="s">
        <v>1046</v>
      </c>
      <c r="G35" s="494" t="s">
        <v>130</v>
      </c>
    </row>
    <row r="36" spans="1:7" ht="36">
      <c r="A36" s="64"/>
      <c r="B36" s="64"/>
      <c r="C36" s="65"/>
      <c r="D36" s="83"/>
      <c r="E36" s="27" t="s">
        <v>56</v>
      </c>
      <c r="F36" s="27" t="s">
        <v>336</v>
      </c>
      <c r="G36" s="494"/>
    </row>
    <row r="37" spans="1:7" s="53" customFormat="1">
      <c r="A37" s="63"/>
      <c r="B37" s="68"/>
      <c r="C37" s="499" t="s">
        <v>200</v>
      </c>
      <c r="D37" s="499"/>
      <c r="E37" s="499"/>
      <c r="F37" s="499"/>
      <c r="G37" s="499"/>
    </row>
    <row r="38" spans="1:7" s="53" customFormat="1" ht="12.75">
      <c r="A38" s="64"/>
      <c r="B38" s="64"/>
      <c r="C38" s="500" t="s">
        <v>88</v>
      </c>
      <c r="D38" s="500"/>
      <c r="E38" s="500"/>
      <c r="F38" s="500"/>
      <c r="G38" s="500"/>
    </row>
    <row r="39" spans="1:7" s="53" customFormat="1">
      <c r="A39" s="63"/>
      <c r="B39" s="68"/>
      <c r="C39" s="501" t="s">
        <v>303</v>
      </c>
      <c r="D39" s="502"/>
      <c r="E39" s="502"/>
      <c r="F39" s="502"/>
      <c r="G39" s="502"/>
    </row>
    <row r="40" spans="1:7" s="53" customFormat="1" ht="12.75" customHeight="1">
      <c r="A40" s="64"/>
      <c r="B40" s="64"/>
      <c r="C40" s="503" t="s">
        <v>320</v>
      </c>
      <c r="D40" s="503"/>
      <c r="E40" s="503"/>
      <c r="F40" s="503"/>
      <c r="G40" s="503"/>
    </row>
    <row r="41" spans="1:7" s="53" customFormat="1">
      <c r="A41" s="63"/>
      <c r="B41" s="68"/>
      <c r="C41" s="69"/>
      <c r="D41" s="70"/>
      <c r="E41" s="71"/>
      <c r="F41" s="71"/>
      <c r="G41" s="69"/>
    </row>
    <row r="42" spans="1:7" s="53" customFormat="1">
      <c r="A42" s="63"/>
      <c r="B42" s="30" t="s">
        <v>195</v>
      </c>
      <c r="C42" s="69"/>
      <c r="D42" s="70"/>
      <c r="E42" s="71"/>
      <c r="F42" s="71"/>
      <c r="G42" s="69"/>
    </row>
    <row r="43" spans="1:7" s="53" customFormat="1" ht="12.75">
      <c r="A43" s="64"/>
      <c r="B43" s="72" t="s">
        <v>94</v>
      </c>
      <c r="C43" s="65"/>
      <c r="D43" s="66"/>
      <c r="E43" s="67"/>
      <c r="F43" s="67"/>
      <c r="G43" s="65"/>
    </row>
    <row r="44" spans="1:7" s="53" customFormat="1" ht="15.75" customHeight="1">
      <c r="A44" s="63"/>
      <c r="B44" s="68"/>
      <c r="C44" s="498" t="s">
        <v>193</v>
      </c>
      <c r="D44" s="498"/>
      <c r="E44" s="498"/>
      <c r="F44" s="498"/>
      <c r="G44" s="498"/>
    </row>
    <row r="45" spans="1:7" s="78" customFormat="1" ht="16.5" thickBot="1">
      <c r="A45" s="73"/>
      <c r="B45" s="74"/>
      <c r="C45" s="75"/>
      <c r="D45" s="76" t="s">
        <v>17</v>
      </c>
      <c r="E45" s="77" t="s">
        <v>194</v>
      </c>
      <c r="F45" s="77" t="s">
        <v>182</v>
      </c>
      <c r="G45" s="12" t="s">
        <v>151</v>
      </c>
    </row>
    <row r="46" spans="1:7" ht="29.25" thickTop="1">
      <c r="A46" s="79"/>
      <c r="B46" s="80"/>
      <c r="C46" s="81"/>
      <c r="D46" s="82">
        <v>1</v>
      </c>
      <c r="E46" s="163" t="s">
        <v>976</v>
      </c>
      <c r="F46" s="42" t="s">
        <v>196</v>
      </c>
      <c r="G46" s="495" t="s">
        <v>130</v>
      </c>
    </row>
    <row r="47" spans="1:7" ht="24">
      <c r="A47" s="64"/>
      <c r="B47" s="64"/>
      <c r="C47" s="65"/>
      <c r="D47" s="83"/>
      <c r="E47" s="27" t="s">
        <v>57</v>
      </c>
      <c r="F47" s="27" t="s">
        <v>58</v>
      </c>
      <c r="G47" s="494"/>
    </row>
    <row r="48" spans="1:7" ht="57.75" customHeight="1">
      <c r="A48" s="79"/>
      <c r="B48" s="80"/>
      <c r="C48" s="81"/>
      <c r="D48" s="84">
        <v>2</v>
      </c>
      <c r="E48" s="28" t="s">
        <v>966</v>
      </c>
      <c r="F48" s="26" t="s">
        <v>199</v>
      </c>
      <c r="G48" s="494" t="s">
        <v>130</v>
      </c>
    </row>
    <row r="49" spans="1:7" ht="60">
      <c r="A49" s="64"/>
      <c r="B49" s="64"/>
      <c r="C49" s="65"/>
      <c r="D49" s="83"/>
      <c r="E49" s="27" t="s">
        <v>59</v>
      </c>
      <c r="F49" s="27" t="s">
        <v>321</v>
      </c>
      <c r="G49" s="494"/>
    </row>
    <row r="50" spans="1:7" ht="28.5">
      <c r="A50" s="79"/>
      <c r="B50" s="80"/>
      <c r="C50" s="81"/>
      <c r="D50" s="84">
        <v>3</v>
      </c>
      <c r="E50" s="28" t="s">
        <v>967</v>
      </c>
      <c r="F50" s="26" t="s">
        <v>157</v>
      </c>
      <c r="G50" s="494" t="s">
        <v>130</v>
      </c>
    </row>
    <row r="51" spans="1:7" ht="24">
      <c r="A51" s="64"/>
      <c r="B51" s="64"/>
      <c r="C51" s="65"/>
      <c r="D51" s="83"/>
      <c r="E51" s="27" t="s">
        <v>60</v>
      </c>
      <c r="F51" s="27" t="s">
        <v>61</v>
      </c>
      <c r="G51" s="494"/>
    </row>
    <row r="52" spans="1:7" s="53" customFormat="1">
      <c r="A52" s="63"/>
      <c r="B52" s="68"/>
      <c r="C52" s="499" t="s">
        <v>1047</v>
      </c>
      <c r="D52" s="499"/>
      <c r="E52" s="499"/>
      <c r="F52" s="499"/>
      <c r="G52" s="499"/>
    </row>
    <row r="53" spans="1:7" s="53" customFormat="1" ht="12.75">
      <c r="A53" s="64"/>
      <c r="B53" s="64"/>
      <c r="C53" s="500" t="s">
        <v>88</v>
      </c>
      <c r="D53" s="500"/>
      <c r="E53" s="500"/>
      <c r="F53" s="500"/>
      <c r="G53" s="500"/>
    </row>
    <row r="54" spans="1:7" s="53" customFormat="1">
      <c r="A54" s="63"/>
      <c r="B54" s="68"/>
      <c r="C54" s="499" t="s">
        <v>197</v>
      </c>
      <c r="D54" s="499"/>
      <c r="E54" s="499"/>
      <c r="F54" s="499"/>
      <c r="G54" s="499"/>
    </row>
    <row r="55" spans="1:7" s="53" customFormat="1" ht="25.5" customHeight="1">
      <c r="A55" s="64"/>
      <c r="B55" s="64"/>
      <c r="C55" s="500" t="s">
        <v>87</v>
      </c>
      <c r="D55" s="500"/>
      <c r="E55" s="500"/>
      <c r="F55" s="500"/>
      <c r="G55" s="500"/>
    </row>
    <row r="56" spans="1:7" s="53" customFormat="1" ht="21" customHeight="1">
      <c r="A56" s="63"/>
      <c r="B56" s="68"/>
      <c r="C56" s="497" t="s">
        <v>1048</v>
      </c>
      <c r="D56" s="497"/>
      <c r="E56" s="497"/>
      <c r="F56" s="497"/>
      <c r="G56" s="497"/>
    </row>
    <row r="57" spans="1:7" s="53" customFormat="1" ht="12.75" customHeight="1">
      <c r="A57" s="64"/>
      <c r="B57" s="64"/>
      <c r="C57" s="496" t="s">
        <v>322</v>
      </c>
      <c r="D57" s="496"/>
      <c r="E57" s="496"/>
      <c r="F57" s="496"/>
      <c r="G57" s="496"/>
    </row>
    <row r="58" spans="1:7" s="53" customFormat="1" ht="12.75">
      <c r="A58" s="64"/>
      <c r="B58" s="64"/>
      <c r="C58" s="85"/>
      <c r="D58" s="85"/>
      <c r="E58" s="85"/>
      <c r="F58" s="85"/>
      <c r="G58" s="85"/>
    </row>
    <row r="59" spans="1:7" s="53" customFormat="1" ht="12.75">
      <c r="A59" s="493" t="s">
        <v>136</v>
      </c>
      <c r="B59" s="493"/>
      <c r="C59" s="493"/>
      <c r="D59" s="493"/>
      <c r="E59" s="493"/>
      <c r="F59" s="493"/>
      <c r="G59" s="493"/>
    </row>
    <row r="60" spans="1:7" s="53" customFormat="1" ht="12.75">
      <c r="A60" s="64"/>
      <c r="B60" s="64"/>
      <c r="C60" s="85"/>
      <c r="D60" s="85"/>
      <c r="E60" s="85"/>
      <c r="F60" s="85"/>
      <c r="G60" s="85"/>
    </row>
    <row r="61" spans="1:7" s="53" customFormat="1" ht="12.75">
      <c r="A61" s="64"/>
      <c r="B61" s="64"/>
      <c r="C61" s="85"/>
      <c r="D61" s="85"/>
      <c r="E61" s="85"/>
      <c r="F61" s="85"/>
      <c r="G61" s="85"/>
    </row>
    <row r="62" spans="1:7" s="53" customFormat="1" ht="12.75">
      <c r="A62" s="64"/>
      <c r="B62" s="64"/>
      <c r="C62" s="85"/>
      <c r="D62" s="85"/>
      <c r="E62" s="85"/>
      <c r="F62" s="85"/>
      <c r="G62" s="85"/>
    </row>
    <row r="63" spans="1:7" s="53" customFormat="1" ht="12.75">
      <c r="A63" s="64"/>
      <c r="B63" s="64"/>
      <c r="C63" s="85"/>
      <c r="D63" s="85"/>
      <c r="E63" s="85"/>
      <c r="F63" s="85"/>
      <c r="G63" s="85"/>
    </row>
    <row r="65" spans="1:7" s="53" customFormat="1" ht="12.75">
      <c r="A65" s="64"/>
      <c r="B65" s="64"/>
      <c r="C65" s="65"/>
      <c r="D65" s="66"/>
      <c r="E65" s="67"/>
      <c r="F65" s="67"/>
      <c r="G65" s="65"/>
    </row>
  </sheetData>
  <sheetProtection password="E0C6" sheet="1" scenarios="1" selectLockedCells="1"/>
  <mergeCells count="21">
    <mergeCell ref="C25:G25"/>
    <mergeCell ref="C52:G52"/>
    <mergeCell ref="C53:G53"/>
    <mergeCell ref="C54:G54"/>
    <mergeCell ref="C55:G55"/>
    <mergeCell ref="C39:G39"/>
    <mergeCell ref="C40:G40"/>
    <mergeCell ref="C44:G44"/>
    <mergeCell ref="G35:G36"/>
    <mergeCell ref="G33:G34"/>
    <mergeCell ref="G31:G32"/>
    <mergeCell ref="G29:G30"/>
    <mergeCell ref="G27:G28"/>
    <mergeCell ref="G50:G51"/>
    <mergeCell ref="C37:G37"/>
    <mergeCell ref="C38:G38"/>
    <mergeCell ref="A59:G59"/>
    <mergeCell ref="G48:G49"/>
    <mergeCell ref="G46:G47"/>
    <mergeCell ref="C57:G57"/>
    <mergeCell ref="C56:G56"/>
  </mergeCells>
  <phoneticPr fontId="6"/>
  <conditionalFormatting sqref="G27">
    <cfRule type="cellIs" dxfId="121" priority="8" operator="equal">
      <formula>"Not Applicable"</formula>
    </cfRule>
  </conditionalFormatting>
  <conditionalFormatting sqref="G29">
    <cfRule type="cellIs" dxfId="120" priority="7" operator="equal">
      <formula>"Not Applicable"</formula>
    </cfRule>
  </conditionalFormatting>
  <conditionalFormatting sqref="G31">
    <cfRule type="cellIs" dxfId="119" priority="6" operator="equal">
      <formula>"Not Applicable"</formula>
    </cfRule>
  </conditionalFormatting>
  <conditionalFormatting sqref="G33">
    <cfRule type="cellIs" dxfId="118" priority="5" operator="equal">
      <formula>"Not Applicable"</formula>
    </cfRule>
  </conditionalFormatting>
  <conditionalFormatting sqref="G35">
    <cfRule type="cellIs" dxfId="117" priority="4" operator="equal">
      <formula>"Not Applicable"</formula>
    </cfRule>
  </conditionalFormatting>
  <conditionalFormatting sqref="G46">
    <cfRule type="cellIs" dxfId="116" priority="3" operator="equal">
      <formula>"Not Applicable"</formula>
    </cfRule>
  </conditionalFormatting>
  <conditionalFormatting sqref="G48">
    <cfRule type="cellIs" dxfId="115" priority="2" operator="equal">
      <formula>"Not Applicable"</formula>
    </cfRule>
  </conditionalFormatting>
  <conditionalFormatting sqref="G50">
    <cfRule type="cellIs" dxfId="114" priority="1" operator="equal">
      <formula>"Not Applicable"</formula>
    </cfRule>
  </conditionalFormatting>
  <dataValidations count="1">
    <dataValidation type="list" showInputMessage="1" showErrorMessage="1" promptTitle="入力内容" prompt="判定基準を満たす： Applicable_x000a_満たさない： Not Applicable" sqref="G27 G29 G31 G33 G35 G46 G48 G50">
      <formula1>"&lt; Applicable                  / Not Applicable &gt;, Applicable, Not Applicable"</formula1>
    </dataValidation>
  </dataValidations>
  <printOptions horizontalCentered="1"/>
  <pageMargins left="0.59055118110236227" right="0.59055118110236227" top="0.78740157480314965" bottom="0.59055118110236227" header="0.31496062992125984" footer="0.31496062992125984"/>
  <pageSetup paperSize="9" scale="68" orientation="portrait" r:id="rId1"/>
  <headerFooter>
    <oddFooter>&amp;RV.10.0 (revised on Jun. 2018)</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G128"/>
  <sheetViews>
    <sheetView showGridLines="0" view="pageBreakPreview" zoomScaleNormal="100" zoomScaleSheetLayoutView="100" workbookViewId="0">
      <selection activeCell="G8" sqref="G8:G9"/>
    </sheetView>
  </sheetViews>
  <sheetFormatPr defaultColWidth="0.7109375" defaultRowHeight="15.75"/>
  <cols>
    <col min="1" max="1" width="1.42578125" style="50" customWidth="1"/>
    <col min="2" max="2" width="1.42578125" style="59" customWidth="1"/>
    <col min="3" max="3" width="0.7109375" style="49" customWidth="1"/>
    <col min="4" max="4" width="4.7109375" style="78" bestFit="1" customWidth="1"/>
    <col min="5" max="5" width="45.28515625" style="49" customWidth="1"/>
    <col min="6" max="6" width="67.5703125" style="49" customWidth="1"/>
    <col min="7" max="7" width="19.140625" style="49" customWidth="1"/>
    <col min="8" max="8" width="1.28515625" style="49" customWidth="1"/>
    <col min="9" max="16384" width="0.7109375" style="49"/>
  </cols>
  <sheetData>
    <row r="1" spans="1:7">
      <c r="G1" s="2" t="str">
        <f>A.RoHS!G1</f>
        <v xml:space="preserve"> </v>
      </c>
    </row>
    <row r="2" spans="1:7" s="53" customFormat="1">
      <c r="A2" s="63" t="s">
        <v>960</v>
      </c>
      <c r="B2" s="68"/>
      <c r="C2" s="69"/>
      <c r="D2" s="70"/>
      <c r="E2" s="71"/>
      <c r="F2" s="71"/>
      <c r="G2" s="69"/>
    </row>
    <row r="3" spans="1:7" s="53" customFormat="1" ht="6.75" customHeight="1">
      <c r="A3" s="64"/>
      <c r="B3" s="64"/>
      <c r="C3" s="65"/>
      <c r="D3" s="66"/>
      <c r="E3" s="67"/>
      <c r="F3" s="67"/>
      <c r="G3" s="65"/>
    </row>
    <row r="4" spans="1:7" s="53" customFormat="1">
      <c r="A4" s="63"/>
      <c r="B4" s="68" t="s">
        <v>913</v>
      </c>
      <c r="C4" s="69"/>
      <c r="D4" s="70"/>
      <c r="E4" s="71"/>
      <c r="F4" s="71"/>
      <c r="G4" s="69"/>
    </row>
    <row r="5" spans="1:7" s="53" customFormat="1" ht="12.75">
      <c r="A5" s="64"/>
      <c r="B5" s="72" t="s">
        <v>93</v>
      </c>
      <c r="C5" s="65"/>
      <c r="D5" s="66"/>
      <c r="E5" s="67"/>
      <c r="F5" s="67"/>
      <c r="G5" s="65"/>
    </row>
    <row r="6" spans="1:7" s="53" customFormat="1" ht="15.75" customHeight="1">
      <c r="A6" s="63"/>
      <c r="B6" s="68"/>
      <c r="C6" s="498" t="s">
        <v>914</v>
      </c>
      <c r="D6" s="498"/>
      <c r="E6" s="498"/>
      <c r="F6" s="498"/>
      <c r="G6" s="498"/>
    </row>
    <row r="7" spans="1:7" s="78" customFormat="1" ht="16.5" thickBot="1">
      <c r="A7" s="73"/>
      <c r="B7" s="74"/>
      <c r="C7" s="75"/>
      <c r="D7" s="76" t="s">
        <v>17</v>
      </c>
      <c r="E7" s="77" t="s">
        <v>915</v>
      </c>
      <c r="F7" s="77" t="s">
        <v>924</v>
      </c>
      <c r="G7" s="12" t="s">
        <v>917</v>
      </c>
    </row>
    <row r="8" spans="1:7" ht="16.5" thickTop="1">
      <c r="A8" s="79"/>
      <c r="B8" s="80"/>
      <c r="C8" s="81"/>
      <c r="D8" s="82">
        <v>1</v>
      </c>
      <c r="E8" s="28" t="s">
        <v>918</v>
      </c>
      <c r="F8" s="163" t="s">
        <v>920</v>
      </c>
      <c r="G8" s="495" t="s">
        <v>130</v>
      </c>
    </row>
    <row r="9" spans="1:7" ht="12.75" customHeight="1">
      <c r="A9" s="64"/>
      <c r="B9" s="64"/>
      <c r="C9" s="65"/>
      <c r="D9" s="83"/>
      <c r="E9" s="27" t="s">
        <v>62</v>
      </c>
      <c r="F9" s="27" t="s">
        <v>63</v>
      </c>
      <c r="G9" s="494"/>
    </row>
    <row r="10" spans="1:7">
      <c r="A10" s="79"/>
      <c r="B10" s="80"/>
      <c r="C10" s="81"/>
      <c r="D10" s="84">
        <v>2</v>
      </c>
      <c r="E10" s="163" t="s">
        <v>919</v>
      </c>
      <c r="F10" s="163" t="s">
        <v>920</v>
      </c>
      <c r="G10" s="494" t="s">
        <v>130</v>
      </c>
    </row>
    <row r="11" spans="1:7" ht="12.75" customHeight="1">
      <c r="A11" s="64"/>
      <c r="B11" s="64"/>
      <c r="C11" s="65"/>
      <c r="D11" s="83"/>
      <c r="E11" s="27" t="s">
        <v>64</v>
      </c>
      <c r="F11" s="27" t="s">
        <v>63</v>
      </c>
      <c r="G11" s="494"/>
    </row>
    <row r="12" spans="1:7" ht="27.75">
      <c r="A12" s="79"/>
      <c r="B12" s="80"/>
      <c r="C12" s="81"/>
      <c r="D12" s="84">
        <v>3</v>
      </c>
      <c r="E12" s="26" t="s">
        <v>921</v>
      </c>
      <c r="F12" s="28" t="s">
        <v>922</v>
      </c>
      <c r="G12" s="494" t="s">
        <v>130</v>
      </c>
    </row>
    <row r="13" spans="1:7" ht="24">
      <c r="A13" s="64"/>
      <c r="B13" s="64"/>
      <c r="C13" s="65"/>
      <c r="D13" s="83"/>
      <c r="E13" s="27" t="s">
        <v>50</v>
      </c>
      <c r="F13" s="27" t="s">
        <v>65</v>
      </c>
      <c r="G13" s="494"/>
    </row>
    <row r="14" spans="1:7">
      <c r="A14" s="79"/>
      <c r="B14" s="80"/>
      <c r="C14" s="81"/>
      <c r="D14" s="84">
        <v>4</v>
      </c>
      <c r="E14" s="26" t="s">
        <v>923</v>
      </c>
      <c r="F14" s="26" t="s">
        <v>253</v>
      </c>
      <c r="G14" s="494" t="s">
        <v>130</v>
      </c>
    </row>
    <row r="15" spans="1:7" ht="12.75" customHeight="1">
      <c r="A15" s="64"/>
      <c r="B15" s="64"/>
      <c r="C15" s="65"/>
      <c r="D15" s="83"/>
      <c r="E15" s="27" t="s">
        <v>132</v>
      </c>
      <c r="F15" s="27" t="s">
        <v>133</v>
      </c>
      <c r="G15" s="494"/>
    </row>
    <row r="16" spans="1:7">
      <c r="A16" s="79"/>
      <c r="B16" s="80"/>
      <c r="C16" s="81"/>
      <c r="D16" s="84">
        <v>5</v>
      </c>
      <c r="E16" s="28" t="s">
        <v>987</v>
      </c>
      <c r="F16" s="28" t="s">
        <v>988</v>
      </c>
      <c r="G16" s="494" t="s">
        <v>130</v>
      </c>
    </row>
    <row r="17" spans="1:7" ht="12.75" customHeight="1">
      <c r="A17" s="64"/>
      <c r="B17" s="64"/>
      <c r="C17" s="65"/>
      <c r="D17" s="83"/>
      <c r="E17" s="27" t="s">
        <v>66</v>
      </c>
      <c r="F17" s="27" t="s">
        <v>67</v>
      </c>
      <c r="G17" s="494"/>
    </row>
    <row r="18" spans="1:7">
      <c r="A18" s="79"/>
      <c r="B18" s="80"/>
      <c r="C18" s="81"/>
      <c r="D18" s="84">
        <v>6</v>
      </c>
      <c r="E18" s="28" t="s">
        <v>267</v>
      </c>
      <c r="F18" s="28" t="s">
        <v>986</v>
      </c>
      <c r="G18" s="494" t="s">
        <v>130</v>
      </c>
    </row>
    <row r="19" spans="1:7" ht="12.75" customHeight="1">
      <c r="A19" s="64"/>
      <c r="B19" s="64"/>
      <c r="C19" s="65"/>
      <c r="D19" s="83"/>
      <c r="E19" s="27" t="s">
        <v>68</v>
      </c>
      <c r="F19" s="27" t="s">
        <v>65</v>
      </c>
      <c r="G19" s="494"/>
    </row>
    <row r="20" spans="1:7">
      <c r="A20" s="79"/>
      <c r="B20" s="80"/>
      <c r="C20" s="81"/>
      <c r="D20" s="84">
        <v>7</v>
      </c>
      <c r="E20" s="28" t="s">
        <v>270</v>
      </c>
      <c r="F20" s="163" t="s">
        <v>989</v>
      </c>
      <c r="G20" s="494" t="s">
        <v>130</v>
      </c>
    </row>
    <row r="21" spans="1:7" ht="12.75" customHeight="1">
      <c r="A21" s="64"/>
      <c r="B21" s="64"/>
      <c r="C21" s="65"/>
      <c r="D21" s="83"/>
      <c r="E21" s="27" t="s">
        <v>69</v>
      </c>
      <c r="F21" s="27" t="s">
        <v>70</v>
      </c>
      <c r="G21" s="494"/>
    </row>
    <row r="22" spans="1:7" ht="30.75" customHeight="1">
      <c r="A22" s="79"/>
      <c r="B22" s="80"/>
      <c r="C22" s="81"/>
      <c r="D22" s="84">
        <v>8</v>
      </c>
      <c r="E22" s="26" t="s">
        <v>990</v>
      </c>
      <c r="F22" s="28" t="s">
        <v>986</v>
      </c>
      <c r="G22" s="494" t="s">
        <v>130</v>
      </c>
    </row>
    <row r="23" spans="1:7" ht="30" customHeight="1">
      <c r="A23" s="64"/>
      <c r="B23" s="64"/>
      <c r="C23" s="65"/>
      <c r="D23" s="83"/>
      <c r="E23" s="27" t="s">
        <v>142</v>
      </c>
      <c r="F23" s="27" t="s">
        <v>65</v>
      </c>
      <c r="G23" s="494"/>
    </row>
    <row r="24" spans="1:7">
      <c r="A24" s="79"/>
      <c r="B24" s="80"/>
      <c r="C24" s="81"/>
      <c r="D24" s="84">
        <v>9</v>
      </c>
      <c r="E24" s="28" t="s">
        <v>268</v>
      </c>
      <c r="F24" s="163" t="s">
        <v>323</v>
      </c>
      <c r="G24" s="494" t="s">
        <v>130</v>
      </c>
    </row>
    <row r="25" spans="1:7" ht="12.75" customHeight="1">
      <c r="A25" s="64"/>
      <c r="B25" s="64"/>
      <c r="C25" s="65"/>
      <c r="D25" s="83"/>
      <c r="E25" s="27" t="s">
        <v>124</v>
      </c>
      <c r="F25" s="27" t="s">
        <v>324</v>
      </c>
      <c r="G25" s="494"/>
    </row>
    <row r="26" spans="1:7">
      <c r="A26" s="79"/>
      <c r="B26" s="80"/>
      <c r="C26" s="81"/>
      <c r="D26" s="84">
        <v>10</v>
      </c>
      <c r="E26" s="163" t="s">
        <v>271</v>
      </c>
      <c r="F26" s="163" t="s">
        <v>266</v>
      </c>
      <c r="G26" s="494" t="s">
        <v>130</v>
      </c>
    </row>
    <row r="27" spans="1:7" ht="12.75" customHeight="1">
      <c r="A27" s="64"/>
      <c r="B27" s="64"/>
      <c r="C27" s="65"/>
      <c r="D27" s="83"/>
      <c r="E27" s="27" t="s">
        <v>71</v>
      </c>
      <c r="F27" s="27" t="s">
        <v>63</v>
      </c>
      <c r="G27" s="494"/>
    </row>
    <row r="28" spans="1:7">
      <c r="A28" s="79"/>
      <c r="B28" s="80"/>
      <c r="C28" s="81"/>
      <c r="D28" s="84">
        <v>11</v>
      </c>
      <c r="E28" s="28" t="s">
        <v>272</v>
      </c>
      <c r="F28" s="163" t="s">
        <v>269</v>
      </c>
      <c r="G28" s="494" t="s">
        <v>130</v>
      </c>
    </row>
    <row r="29" spans="1:7" ht="12.75" customHeight="1">
      <c r="A29" s="64"/>
      <c r="B29" s="64"/>
      <c r="C29" s="65"/>
      <c r="D29" s="83"/>
      <c r="E29" s="27" t="s">
        <v>72</v>
      </c>
      <c r="F29" s="27" t="s">
        <v>73</v>
      </c>
      <c r="G29" s="494"/>
    </row>
    <row r="30" spans="1:7">
      <c r="A30" s="79"/>
      <c r="B30" s="80"/>
      <c r="C30" s="81"/>
      <c r="D30" s="84">
        <v>12</v>
      </c>
      <c r="E30" s="28" t="s">
        <v>991</v>
      </c>
      <c r="F30" s="28" t="s">
        <v>986</v>
      </c>
      <c r="G30" s="494" t="s">
        <v>130</v>
      </c>
    </row>
    <row r="31" spans="1:7" ht="12.75" customHeight="1">
      <c r="A31" s="64"/>
      <c r="B31" s="64"/>
      <c r="C31" s="65"/>
      <c r="D31" s="83"/>
      <c r="E31" s="27" t="s">
        <v>74</v>
      </c>
      <c r="F31" s="27" t="s">
        <v>65</v>
      </c>
      <c r="G31" s="494"/>
    </row>
    <row r="32" spans="1:7">
      <c r="A32" s="79"/>
      <c r="B32" s="80"/>
      <c r="C32" s="81"/>
      <c r="D32" s="84">
        <v>13</v>
      </c>
      <c r="E32" s="164" t="s">
        <v>273</v>
      </c>
      <c r="F32" s="28" t="s">
        <v>986</v>
      </c>
      <c r="G32" s="494" t="s">
        <v>130</v>
      </c>
    </row>
    <row r="33" spans="1:7" ht="12.75" customHeight="1">
      <c r="A33" s="64"/>
      <c r="B33" s="64"/>
      <c r="C33" s="65"/>
      <c r="D33" s="83"/>
      <c r="E33" s="27" t="s">
        <v>75</v>
      </c>
      <c r="F33" s="27" t="s">
        <v>65</v>
      </c>
      <c r="G33" s="494"/>
    </row>
    <row r="34" spans="1:7">
      <c r="A34" s="79"/>
      <c r="B34" s="80"/>
      <c r="C34" s="81"/>
      <c r="D34" s="84">
        <v>14</v>
      </c>
      <c r="E34" s="26" t="s">
        <v>274</v>
      </c>
      <c r="F34" s="26" t="s">
        <v>275</v>
      </c>
      <c r="G34" s="494" t="s">
        <v>130</v>
      </c>
    </row>
    <row r="35" spans="1:7" ht="12.75" customHeight="1">
      <c r="A35" s="64"/>
      <c r="B35" s="64"/>
      <c r="C35" s="65"/>
      <c r="D35" s="83"/>
      <c r="E35" s="27" t="s">
        <v>76</v>
      </c>
      <c r="F35" s="27" t="s">
        <v>77</v>
      </c>
      <c r="G35" s="494"/>
    </row>
    <row r="36" spans="1:7" s="53" customFormat="1">
      <c r="A36" s="63"/>
      <c r="B36" s="68"/>
      <c r="C36" s="499" t="s">
        <v>200</v>
      </c>
      <c r="D36" s="499"/>
      <c r="E36" s="499"/>
      <c r="F36" s="499"/>
      <c r="G36" s="499"/>
    </row>
    <row r="37" spans="1:7" s="53" customFormat="1" ht="12.75">
      <c r="A37" s="64"/>
      <c r="B37" s="64"/>
      <c r="C37" s="500" t="s">
        <v>88</v>
      </c>
      <c r="D37" s="500"/>
      <c r="E37" s="500"/>
      <c r="F37" s="500"/>
      <c r="G37" s="500"/>
    </row>
    <row r="38" spans="1:7" s="53" customFormat="1" ht="18.75" customHeight="1">
      <c r="A38" s="63"/>
      <c r="B38" s="68"/>
      <c r="C38" s="513" t="s">
        <v>304</v>
      </c>
      <c r="D38" s="513"/>
      <c r="E38" s="513"/>
      <c r="F38" s="513"/>
      <c r="G38" s="513"/>
    </row>
    <row r="39" spans="1:7" s="53" customFormat="1" ht="12.75" customHeight="1">
      <c r="A39" s="64"/>
      <c r="B39" s="64"/>
      <c r="C39" s="503" t="s">
        <v>325</v>
      </c>
      <c r="D39" s="503"/>
      <c r="E39" s="503"/>
      <c r="F39" s="503"/>
      <c r="G39" s="503"/>
    </row>
    <row r="40" spans="1:7" s="53" customFormat="1">
      <c r="A40" s="63"/>
      <c r="B40" s="68"/>
      <c r="C40" s="69"/>
      <c r="D40" s="70"/>
      <c r="E40" s="71"/>
      <c r="F40" s="71"/>
      <c r="G40" s="69"/>
    </row>
    <row r="41" spans="1:7" s="53" customFormat="1">
      <c r="A41" s="63"/>
      <c r="B41" s="68" t="s">
        <v>741</v>
      </c>
      <c r="C41" s="69"/>
      <c r="D41" s="70"/>
      <c r="E41" s="71"/>
      <c r="F41" s="71"/>
      <c r="G41" s="69"/>
    </row>
    <row r="42" spans="1:7" s="53" customFormat="1" ht="12.75">
      <c r="A42" s="64"/>
      <c r="B42" s="72" t="s">
        <v>94</v>
      </c>
      <c r="C42" s="65"/>
      <c r="D42" s="66"/>
      <c r="E42" s="67"/>
      <c r="F42" s="67"/>
      <c r="G42" s="65"/>
    </row>
    <row r="43" spans="1:7" s="53" customFormat="1" ht="15.75" customHeight="1">
      <c r="A43" s="63"/>
      <c r="B43" s="68"/>
      <c r="C43" s="498" t="s">
        <v>193</v>
      </c>
      <c r="D43" s="498"/>
      <c r="E43" s="498"/>
      <c r="F43" s="498"/>
      <c r="G43" s="498"/>
    </row>
    <row r="44" spans="1:7" s="78" customFormat="1" ht="16.5" thickBot="1">
      <c r="A44" s="73"/>
      <c r="B44" s="74"/>
      <c r="C44" s="75"/>
      <c r="D44" s="76" t="s">
        <v>17</v>
      </c>
      <c r="E44" s="77" t="s">
        <v>194</v>
      </c>
      <c r="F44" s="77" t="s">
        <v>182</v>
      </c>
      <c r="G44" s="12" t="s">
        <v>151</v>
      </c>
    </row>
    <row r="45" spans="1:7" ht="16.5" thickTop="1">
      <c r="A45" s="79"/>
      <c r="B45" s="80"/>
      <c r="C45" s="81"/>
      <c r="D45" s="82">
        <v>1</v>
      </c>
      <c r="E45" s="163" t="s">
        <v>281</v>
      </c>
      <c r="F45" s="163" t="s">
        <v>266</v>
      </c>
      <c r="G45" s="495" t="s">
        <v>130</v>
      </c>
    </row>
    <row r="46" spans="1:7" ht="12.75" customHeight="1">
      <c r="A46" s="64"/>
      <c r="B46" s="64"/>
      <c r="C46" s="65"/>
      <c r="D46" s="83"/>
      <c r="E46" s="27" t="s">
        <v>5</v>
      </c>
      <c r="F46" s="27" t="s">
        <v>63</v>
      </c>
      <c r="G46" s="494"/>
    </row>
    <row r="47" spans="1:7">
      <c r="A47" s="79"/>
      <c r="B47" s="80"/>
      <c r="C47" s="81"/>
      <c r="D47" s="84">
        <v>2</v>
      </c>
      <c r="E47" s="28" t="s">
        <v>276</v>
      </c>
      <c r="F47" s="28" t="s">
        <v>986</v>
      </c>
      <c r="G47" s="494" t="s">
        <v>130</v>
      </c>
    </row>
    <row r="48" spans="1:7" ht="12.75" customHeight="1">
      <c r="A48" s="64"/>
      <c r="B48" s="64"/>
      <c r="C48" s="65"/>
      <c r="D48" s="83"/>
      <c r="E48" s="27" t="s">
        <v>6</v>
      </c>
      <c r="F48" s="27" t="s">
        <v>65</v>
      </c>
      <c r="G48" s="494"/>
    </row>
    <row r="49" spans="1:7">
      <c r="A49" s="79"/>
      <c r="B49" s="80"/>
      <c r="C49" s="81"/>
      <c r="D49" s="84">
        <v>3</v>
      </c>
      <c r="E49" s="28" t="s">
        <v>992</v>
      </c>
      <c r="F49" s="28" t="s">
        <v>986</v>
      </c>
      <c r="G49" s="494" t="s">
        <v>130</v>
      </c>
    </row>
    <row r="50" spans="1:7" ht="12.75" customHeight="1">
      <c r="A50" s="64"/>
      <c r="B50" s="64"/>
      <c r="C50" s="65"/>
      <c r="D50" s="83"/>
      <c r="E50" s="27" t="s">
        <v>7</v>
      </c>
      <c r="F50" s="27" t="s">
        <v>65</v>
      </c>
      <c r="G50" s="494"/>
    </row>
    <row r="51" spans="1:7" ht="49.5" customHeight="1">
      <c r="A51" s="79"/>
      <c r="B51" s="80"/>
      <c r="C51" s="81"/>
      <c r="D51" s="84">
        <v>4</v>
      </c>
      <c r="E51" s="26" t="s">
        <v>993</v>
      </c>
      <c r="F51" s="26" t="s">
        <v>254</v>
      </c>
      <c r="G51" s="494" t="s">
        <v>130</v>
      </c>
    </row>
    <row r="52" spans="1:7" ht="36">
      <c r="A52" s="64"/>
      <c r="B52" s="64"/>
      <c r="C52" s="65"/>
      <c r="D52" s="83"/>
      <c r="E52" s="27" t="s">
        <v>125</v>
      </c>
      <c r="F52" s="27" t="s">
        <v>160</v>
      </c>
      <c r="G52" s="494"/>
    </row>
    <row r="53" spans="1:7">
      <c r="A53" s="79"/>
      <c r="B53" s="80"/>
      <c r="C53" s="81"/>
      <c r="D53" s="84">
        <v>5</v>
      </c>
      <c r="E53" s="28" t="s">
        <v>277</v>
      </c>
      <c r="F53" s="28" t="s">
        <v>986</v>
      </c>
      <c r="G53" s="494" t="s">
        <v>130</v>
      </c>
    </row>
    <row r="54" spans="1:7" ht="12.75" customHeight="1">
      <c r="A54" s="64"/>
      <c r="B54" s="64"/>
      <c r="C54" s="65"/>
      <c r="D54" s="83"/>
      <c r="E54" s="27" t="s">
        <v>8</v>
      </c>
      <c r="F54" s="27" t="s">
        <v>65</v>
      </c>
      <c r="G54" s="494"/>
    </row>
    <row r="55" spans="1:7" ht="64.5" customHeight="1">
      <c r="A55" s="79"/>
      <c r="B55" s="80"/>
      <c r="C55" s="81"/>
      <c r="D55" s="84">
        <v>6</v>
      </c>
      <c r="E55" s="28" t="s">
        <v>278</v>
      </c>
      <c r="F55" s="26" t="s">
        <v>282</v>
      </c>
      <c r="G55" s="494" t="s">
        <v>130</v>
      </c>
    </row>
    <row r="56" spans="1:7" ht="37.5">
      <c r="A56" s="64"/>
      <c r="B56" s="64"/>
      <c r="C56" s="65"/>
      <c r="D56" s="83"/>
      <c r="E56" s="27" t="s">
        <v>47</v>
      </c>
      <c r="F56" s="27" t="s">
        <v>255</v>
      </c>
      <c r="G56" s="494"/>
    </row>
    <row r="57" spans="1:7">
      <c r="A57" s="79"/>
      <c r="B57" s="80"/>
      <c r="C57" s="81"/>
      <c r="D57" s="84">
        <v>7</v>
      </c>
      <c r="E57" s="26" t="s">
        <v>256</v>
      </c>
      <c r="F57" s="28" t="s">
        <v>986</v>
      </c>
      <c r="G57" s="494" t="s">
        <v>130</v>
      </c>
    </row>
    <row r="58" spans="1:7" ht="12.75" customHeight="1">
      <c r="A58" s="64"/>
      <c r="B58" s="64"/>
      <c r="C58" s="65"/>
      <c r="D58" s="83"/>
      <c r="E58" s="27" t="s">
        <v>9</v>
      </c>
      <c r="F58" s="27" t="s">
        <v>78</v>
      </c>
      <c r="G58" s="494"/>
    </row>
    <row r="59" spans="1:7" ht="33.75" customHeight="1">
      <c r="A59" s="79"/>
      <c r="B59" s="80"/>
      <c r="C59" s="81"/>
      <c r="D59" s="84">
        <v>8</v>
      </c>
      <c r="E59" s="26" t="s">
        <v>961</v>
      </c>
      <c r="F59" s="26" t="s">
        <v>295</v>
      </c>
      <c r="G59" s="494" t="s">
        <v>130</v>
      </c>
    </row>
    <row r="60" spans="1:7" ht="36">
      <c r="A60" s="64"/>
      <c r="B60" s="64"/>
      <c r="C60" s="65"/>
      <c r="D60" s="83"/>
      <c r="E60" s="27" t="s">
        <v>10</v>
      </c>
      <c r="F60" s="27" t="s">
        <v>85</v>
      </c>
      <c r="G60" s="494"/>
    </row>
    <row r="61" spans="1:7">
      <c r="A61" s="79"/>
      <c r="B61" s="80"/>
      <c r="C61" s="81"/>
      <c r="D61" s="84">
        <v>9</v>
      </c>
      <c r="E61" s="26" t="s">
        <v>279</v>
      </c>
      <c r="F61" s="165" t="s">
        <v>280</v>
      </c>
      <c r="G61" s="494" t="s">
        <v>130</v>
      </c>
    </row>
    <row r="62" spans="1:7" ht="24">
      <c r="A62" s="64"/>
      <c r="B62" s="64"/>
      <c r="C62" s="65"/>
      <c r="D62" s="83"/>
      <c r="E62" s="27" t="s">
        <v>11</v>
      </c>
      <c r="F62" s="27" t="s">
        <v>79</v>
      </c>
      <c r="G62" s="494"/>
    </row>
    <row r="63" spans="1:7" s="53" customFormat="1" ht="12.75">
      <c r="A63" s="64"/>
      <c r="B63" s="64"/>
      <c r="C63" s="65"/>
      <c r="D63" s="66"/>
      <c r="E63" s="67"/>
      <c r="F63" s="67"/>
      <c r="G63" s="5" t="s">
        <v>184</v>
      </c>
    </row>
    <row r="64" spans="1:7" s="53" customFormat="1" ht="12.75">
      <c r="A64" s="493" t="s">
        <v>137</v>
      </c>
      <c r="B64" s="493"/>
      <c r="C64" s="493"/>
      <c r="D64" s="493"/>
      <c r="E64" s="493"/>
      <c r="F64" s="493"/>
      <c r="G64" s="493"/>
    </row>
    <row r="65" spans="1:7" s="53" customFormat="1" ht="12.75">
      <c r="A65" s="64"/>
      <c r="B65" s="64"/>
      <c r="C65" s="65" t="s">
        <v>994</v>
      </c>
      <c r="D65" s="66"/>
      <c r="E65" s="67"/>
      <c r="F65" s="67"/>
      <c r="G65" s="6"/>
    </row>
    <row r="66" spans="1:7" s="78" customFormat="1" ht="16.5" thickBot="1">
      <c r="A66" s="73"/>
      <c r="B66" s="74"/>
      <c r="C66" s="75"/>
      <c r="D66" s="76" t="s">
        <v>17</v>
      </c>
      <c r="E66" s="77" t="s">
        <v>194</v>
      </c>
      <c r="F66" s="77" t="s">
        <v>182</v>
      </c>
      <c r="G66" s="12" t="s">
        <v>151</v>
      </c>
    </row>
    <row r="67" spans="1:7" ht="16.5" thickTop="1">
      <c r="A67" s="79"/>
      <c r="B67" s="80"/>
      <c r="C67" s="81"/>
      <c r="D67" s="84">
        <v>10</v>
      </c>
      <c r="E67" s="28" t="s">
        <v>962</v>
      </c>
      <c r="F67" s="28" t="s">
        <v>986</v>
      </c>
      <c r="G67" s="494" t="s">
        <v>130</v>
      </c>
    </row>
    <row r="68" spans="1:7" ht="12.75" customHeight="1">
      <c r="A68" s="64"/>
      <c r="B68" s="64"/>
      <c r="C68" s="65"/>
      <c r="D68" s="83"/>
      <c r="E68" s="177" t="s">
        <v>326</v>
      </c>
      <c r="F68" s="27" t="s">
        <v>65</v>
      </c>
      <c r="G68" s="494"/>
    </row>
    <row r="69" spans="1:7">
      <c r="A69" s="79"/>
      <c r="B69" s="80"/>
      <c r="C69" s="81"/>
      <c r="D69" s="84">
        <v>11</v>
      </c>
      <c r="E69" s="28" t="s">
        <v>995</v>
      </c>
      <c r="F69" s="163" t="s">
        <v>266</v>
      </c>
      <c r="G69" s="494" t="s">
        <v>130</v>
      </c>
    </row>
    <row r="70" spans="1:7" ht="12.75" customHeight="1">
      <c r="A70" s="64"/>
      <c r="B70" s="64"/>
      <c r="C70" s="65"/>
      <c r="D70" s="83"/>
      <c r="E70" s="27" t="s">
        <v>12</v>
      </c>
      <c r="F70" s="27" t="s">
        <v>63</v>
      </c>
      <c r="G70" s="494"/>
    </row>
    <row r="71" spans="1:7">
      <c r="A71" s="79"/>
      <c r="B71" s="80"/>
      <c r="C71" s="81"/>
      <c r="D71" s="84">
        <v>12</v>
      </c>
      <c r="E71" s="26" t="s">
        <v>257</v>
      </c>
      <c r="F71" s="163" t="s">
        <v>996</v>
      </c>
      <c r="G71" s="494" t="s">
        <v>130</v>
      </c>
    </row>
    <row r="72" spans="1:7" ht="12.75" customHeight="1">
      <c r="A72" s="64"/>
      <c r="B72" s="64"/>
      <c r="C72" s="65"/>
      <c r="D72" s="83"/>
      <c r="E72" s="27" t="s">
        <v>4</v>
      </c>
      <c r="F72" s="27" t="s">
        <v>63</v>
      </c>
      <c r="G72" s="494"/>
    </row>
    <row r="73" spans="1:7">
      <c r="A73" s="79"/>
      <c r="B73" s="80"/>
      <c r="C73" s="81"/>
      <c r="D73" s="84">
        <v>13</v>
      </c>
      <c r="E73" s="28" t="s">
        <v>283</v>
      </c>
      <c r="F73" s="163" t="s">
        <v>266</v>
      </c>
      <c r="G73" s="494" t="s">
        <v>130</v>
      </c>
    </row>
    <row r="74" spans="1:7" ht="24">
      <c r="A74" s="64"/>
      <c r="B74" s="64"/>
      <c r="C74" s="65"/>
      <c r="D74" s="83"/>
      <c r="E74" s="27" t="s">
        <v>84</v>
      </c>
      <c r="F74" s="27" t="s">
        <v>63</v>
      </c>
      <c r="G74" s="494"/>
    </row>
    <row r="75" spans="1:7">
      <c r="A75" s="79"/>
      <c r="B75" s="80"/>
      <c r="C75" s="81"/>
      <c r="D75" s="84">
        <v>14</v>
      </c>
      <c r="E75" s="28" t="s">
        <v>284</v>
      </c>
      <c r="F75" s="28" t="s">
        <v>275</v>
      </c>
      <c r="G75" s="494" t="s">
        <v>130</v>
      </c>
    </row>
    <row r="76" spans="1:7" ht="12.75" customHeight="1">
      <c r="A76" s="64"/>
      <c r="B76" s="64"/>
      <c r="C76" s="65"/>
      <c r="D76" s="83"/>
      <c r="E76" s="27" t="s">
        <v>13</v>
      </c>
      <c r="F76" s="27" t="s">
        <v>77</v>
      </c>
      <c r="G76" s="494"/>
    </row>
    <row r="77" spans="1:7" ht="32.25" customHeight="1">
      <c r="A77" s="79"/>
      <c r="B77" s="80"/>
      <c r="C77" s="81"/>
      <c r="D77" s="84">
        <v>15</v>
      </c>
      <c r="E77" s="26" t="s">
        <v>258</v>
      </c>
      <c r="F77" s="26" t="s">
        <v>963</v>
      </c>
      <c r="G77" s="504" t="s">
        <v>130</v>
      </c>
    </row>
    <row r="78" spans="1:7" ht="24">
      <c r="A78" s="64"/>
      <c r="B78" s="64"/>
      <c r="C78" s="65"/>
      <c r="D78" s="83"/>
      <c r="E78" s="27" t="s">
        <v>48</v>
      </c>
      <c r="F78" s="27" t="s">
        <v>80</v>
      </c>
      <c r="G78" s="505"/>
    </row>
    <row r="79" spans="1:7">
      <c r="A79" s="79"/>
      <c r="B79" s="80"/>
      <c r="C79" s="81"/>
      <c r="D79" s="84">
        <v>16</v>
      </c>
      <c r="E79" s="28" t="s">
        <v>285</v>
      </c>
      <c r="F79" s="163" t="s">
        <v>266</v>
      </c>
      <c r="G79" s="494" t="s">
        <v>130</v>
      </c>
    </row>
    <row r="80" spans="1:7" ht="12.75" customHeight="1">
      <c r="A80" s="64"/>
      <c r="B80" s="64"/>
      <c r="C80" s="65"/>
      <c r="D80" s="83"/>
      <c r="E80" s="27" t="s">
        <v>14</v>
      </c>
      <c r="F80" s="27" t="s">
        <v>63</v>
      </c>
      <c r="G80" s="494"/>
    </row>
    <row r="81" spans="1:7">
      <c r="A81" s="79"/>
      <c r="B81" s="80"/>
      <c r="C81" s="81"/>
      <c r="D81" s="84">
        <v>17</v>
      </c>
      <c r="E81" s="28" t="s">
        <v>327</v>
      </c>
      <c r="F81" s="163" t="s">
        <v>266</v>
      </c>
      <c r="G81" s="494" t="s">
        <v>130</v>
      </c>
    </row>
    <row r="82" spans="1:7" ht="12.75" customHeight="1">
      <c r="A82" s="64"/>
      <c r="B82" s="64"/>
      <c r="C82" s="65"/>
      <c r="D82" s="83"/>
      <c r="E82" s="177" t="s">
        <v>328</v>
      </c>
      <c r="F82" s="27" t="s">
        <v>63</v>
      </c>
      <c r="G82" s="494"/>
    </row>
    <row r="83" spans="1:7">
      <c r="A83" s="79"/>
      <c r="B83" s="80"/>
      <c r="C83" s="81"/>
      <c r="D83" s="84">
        <v>18</v>
      </c>
      <c r="E83" s="28" t="s">
        <v>329</v>
      </c>
      <c r="F83" s="163" t="s">
        <v>266</v>
      </c>
      <c r="G83" s="494" t="s">
        <v>130</v>
      </c>
    </row>
    <row r="84" spans="1:7" ht="12.75" customHeight="1">
      <c r="A84" s="64"/>
      <c r="B84" s="64"/>
      <c r="C84" s="65"/>
      <c r="D84" s="83"/>
      <c r="E84" s="177" t="s">
        <v>330</v>
      </c>
      <c r="F84" s="27" t="s">
        <v>63</v>
      </c>
      <c r="G84" s="494"/>
    </row>
    <row r="85" spans="1:7">
      <c r="A85" s="79"/>
      <c r="B85" s="80"/>
      <c r="C85" s="81"/>
      <c r="D85" s="84">
        <v>19</v>
      </c>
      <c r="E85" s="28" t="s">
        <v>331</v>
      </c>
      <c r="F85" s="163" t="s">
        <v>266</v>
      </c>
      <c r="G85" s="494" t="s">
        <v>130</v>
      </c>
    </row>
    <row r="86" spans="1:7" ht="12.75" customHeight="1">
      <c r="A86" s="64"/>
      <c r="B86" s="64"/>
      <c r="C86" s="65"/>
      <c r="D86" s="83"/>
      <c r="E86" s="177" t="s">
        <v>332</v>
      </c>
      <c r="F86" s="27" t="s">
        <v>63</v>
      </c>
      <c r="G86" s="494"/>
    </row>
    <row r="87" spans="1:7">
      <c r="A87" s="79"/>
      <c r="B87" s="80"/>
      <c r="C87" s="81"/>
      <c r="D87" s="84">
        <v>20</v>
      </c>
      <c r="E87" s="26" t="s">
        <v>964</v>
      </c>
      <c r="F87" s="26" t="s">
        <v>997</v>
      </c>
      <c r="G87" s="494" t="s">
        <v>130</v>
      </c>
    </row>
    <row r="88" spans="1:7" ht="12.75" customHeight="1">
      <c r="A88" s="64"/>
      <c r="B88" s="64"/>
      <c r="C88" s="65"/>
      <c r="D88" s="83"/>
      <c r="E88" s="27" t="s">
        <v>134</v>
      </c>
      <c r="F88" s="27" t="s">
        <v>126</v>
      </c>
      <c r="G88" s="494"/>
    </row>
    <row r="89" spans="1:7" s="36" customFormat="1">
      <c r="A89" s="178"/>
      <c r="B89" s="179"/>
      <c r="C89" s="180"/>
      <c r="D89" s="181">
        <v>21</v>
      </c>
      <c r="E89" s="182" t="s">
        <v>926</v>
      </c>
      <c r="F89" s="182" t="s">
        <v>998</v>
      </c>
      <c r="G89" s="514" t="s">
        <v>130</v>
      </c>
    </row>
    <row r="90" spans="1:7" s="36" customFormat="1" ht="12.75">
      <c r="A90" s="183"/>
      <c r="B90" s="183"/>
      <c r="C90" s="133"/>
      <c r="D90" s="184"/>
      <c r="E90" s="177" t="s">
        <v>307</v>
      </c>
      <c r="F90" s="177" t="s">
        <v>63</v>
      </c>
      <c r="G90" s="514"/>
    </row>
    <row r="91" spans="1:7" s="53" customFormat="1">
      <c r="A91" s="63"/>
      <c r="B91" s="68"/>
      <c r="C91" s="499" t="s">
        <v>200</v>
      </c>
      <c r="D91" s="499"/>
      <c r="E91" s="499"/>
      <c r="F91" s="499"/>
      <c r="G91" s="499"/>
    </row>
    <row r="92" spans="1:7" s="53" customFormat="1" ht="12.75">
      <c r="A92" s="64"/>
      <c r="B92" s="64"/>
      <c r="C92" s="500" t="s">
        <v>88</v>
      </c>
      <c r="D92" s="500"/>
      <c r="E92" s="500"/>
      <c r="F92" s="500"/>
      <c r="G92" s="500"/>
    </row>
    <row r="93" spans="1:7" s="53" customFormat="1">
      <c r="A93" s="63"/>
      <c r="B93" s="68"/>
      <c r="C93" s="499" t="s">
        <v>259</v>
      </c>
      <c r="D93" s="499"/>
      <c r="E93" s="499"/>
      <c r="F93" s="499"/>
      <c r="G93" s="499"/>
    </row>
    <row r="94" spans="1:7" s="53" customFormat="1" ht="12.75">
      <c r="A94" s="64"/>
      <c r="B94" s="64"/>
      <c r="C94" s="500" t="s">
        <v>89</v>
      </c>
      <c r="D94" s="500"/>
      <c r="E94" s="500"/>
      <c r="F94" s="500"/>
      <c r="G94" s="500"/>
    </row>
    <row r="95" spans="1:7" s="53" customFormat="1">
      <c r="A95" s="63"/>
      <c r="B95" s="68"/>
      <c r="C95" s="499" t="s">
        <v>260</v>
      </c>
      <c r="D95" s="499"/>
      <c r="E95" s="499"/>
      <c r="F95" s="499"/>
      <c r="G95" s="499"/>
    </row>
    <row r="96" spans="1:7" s="53" customFormat="1" ht="12.75">
      <c r="A96" s="64"/>
      <c r="B96" s="64"/>
      <c r="C96" s="500" t="s">
        <v>90</v>
      </c>
      <c r="D96" s="500"/>
      <c r="E96" s="500"/>
      <c r="F96" s="500"/>
      <c r="G96" s="500"/>
    </row>
    <row r="97" spans="1:7" s="53" customFormat="1">
      <c r="A97" s="63"/>
      <c r="B97" s="68"/>
      <c r="C97" s="499" t="s">
        <v>1206</v>
      </c>
      <c r="D97" s="499"/>
      <c r="E97" s="499"/>
      <c r="F97" s="499"/>
      <c r="G97" s="499"/>
    </row>
    <row r="98" spans="1:7" s="53" customFormat="1" ht="12.75">
      <c r="A98" s="64"/>
      <c r="B98" s="64"/>
      <c r="C98" s="500" t="s">
        <v>91</v>
      </c>
      <c r="D98" s="500"/>
      <c r="E98" s="500"/>
      <c r="F98" s="500"/>
      <c r="G98" s="500"/>
    </row>
    <row r="99" spans="1:7" s="53" customFormat="1" ht="22.5" customHeight="1">
      <c r="A99" s="63"/>
      <c r="B99" s="68"/>
      <c r="C99" s="497" t="s">
        <v>1032</v>
      </c>
      <c r="D99" s="497"/>
      <c r="E99" s="497"/>
      <c r="F99" s="497"/>
      <c r="G99" s="497"/>
    </row>
    <row r="100" spans="1:7" s="53" customFormat="1" ht="12.75" customHeight="1">
      <c r="A100" s="64"/>
      <c r="B100" s="64"/>
      <c r="C100" s="496" t="s">
        <v>333</v>
      </c>
      <c r="D100" s="496"/>
      <c r="E100" s="496"/>
      <c r="F100" s="496"/>
      <c r="G100" s="496"/>
    </row>
    <row r="101" spans="1:7" s="53" customFormat="1">
      <c r="A101" s="63"/>
      <c r="B101" s="68"/>
      <c r="C101" s="69"/>
      <c r="D101" s="70"/>
      <c r="E101" s="71"/>
      <c r="F101" s="71"/>
      <c r="G101" s="69"/>
    </row>
    <row r="102" spans="1:7" s="53" customFormat="1">
      <c r="A102" s="63"/>
      <c r="B102" s="68" t="s">
        <v>999</v>
      </c>
      <c r="C102" s="69"/>
      <c r="D102" s="70"/>
      <c r="E102" s="71"/>
      <c r="F102" s="71"/>
      <c r="G102" s="69"/>
    </row>
    <row r="103" spans="1:7" s="53" customFormat="1" ht="12.75">
      <c r="A103" s="64"/>
      <c r="B103" s="72" t="s">
        <v>95</v>
      </c>
      <c r="C103" s="65"/>
      <c r="D103" s="66"/>
      <c r="E103" s="67"/>
      <c r="F103" s="67"/>
      <c r="G103" s="65"/>
    </row>
    <row r="104" spans="1:7" s="53" customFormat="1" ht="15.75" customHeight="1">
      <c r="A104" s="63"/>
      <c r="B104" s="68"/>
      <c r="C104" s="498" t="s">
        <v>193</v>
      </c>
      <c r="D104" s="498"/>
      <c r="E104" s="498"/>
      <c r="F104" s="498"/>
      <c r="G104" s="498"/>
    </row>
    <row r="105" spans="1:7" ht="16.5" thickBot="1">
      <c r="A105" s="79"/>
      <c r="B105" s="80"/>
      <c r="C105" s="81"/>
      <c r="D105" s="76" t="s">
        <v>17</v>
      </c>
      <c r="E105" s="77" t="s">
        <v>194</v>
      </c>
      <c r="F105" s="77" t="s">
        <v>182</v>
      </c>
      <c r="G105" s="12" t="s">
        <v>151</v>
      </c>
    </row>
    <row r="106" spans="1:7" ht="16.5" thickTop="1">
      <c r="A106" s="79"/>
      <c r="B106" s="80"/>
      <c r="C106" s="81"/>
      <c r="D106" s="82">
        <v>1</v>
      </c>
      <c r="E106" s="163" t="s">
        <v>288</v>
      </c>
      <c r="F106" s="42" t="s">
        <v>1000</v>
      </c>
      <c r="G106" s="494" t="s">
        <v>130</v>
      </c>
    </row>
    <row r="107" spans="1:7" ht="12.75" customHeight="1">
      <c r="A107" s="64"/>
      <c r="B107" s="64"/>
      <c r="C107" s="65"/>
      <c r="D107" s="151"/>
      <c r="E107" s="152" t="s">
        <v>81</v>
      </c>
      <c r="F107" s="27" t="s">
        <v>82</v>
      </c>
      <c r="G107" s="494"/>
    </row>
    <row r="108" spans="1:7">
      <c r="A108" s="79"/>
      <c r="B108" s="80"/>
      <c r="C108" s="81"/>
      <c r="D108" s="82"/>
      <c r="E108" s="163" t="s">
        <v>289</v>
      </c>
      <c r="F108" s="26" t="s">
        <v>293</v>
      </c>
      <c r="G108" s="515" t="s">
        <v>127</v>
      </c>
    </row>
    <row r="109" spans="1:7" ht="12.75">
      <c r="A109" s="64"/>
      <c r="B109" s="64"/>
      <c r="C109" s="65"/>
      <c r="D109" s="151"/>
      <c r="E109" s="152" t="s">
        <v>49</v>
      </c>
      <c r="F109" s="27" t="s">
        <v>83</v>
      </c>
      <c r="G109" s="516"/>
    </row>
    <row r="110" spans="1:7" ht="60" customHeight="1">
      <c r="A110" s="79"/>
      <c r="B110" s="80"/>
      <c r="C110" s="81"/>
      <c r="D110" s="82"/>
      <c r="E110" s="42"/>
      <c r="F110" s="26" t="s">
        <v>286</v>
      </c>
      <c r="G110" s="518" t="s">
        <v>144</v>
      </c>
    </row>
    <row r="111" spans="1:7" ht="48">
      <c r="A111" s="64"/>
      <c r="B111" s="64"/>
      <c r="C111" s="65"/>
      <c r="D111" s="151"/>
      <c r="E111" s="152"/>
      <c r="F111" s="152" t="s">
        <v>86</v>
      </c>
      <c r="G111" s="519"/>
    </row>
    <row r="112" spans="1:7">
      <c r="A112" s="79"/>
      <c r="B112" s="80"/>
      <c r="C112" s="81"/>
      <c r="D112" s="82"/>
      <c r="E112" s="42"/>
      <c r="F112" s="153" t="s">
        <v>287</v>
      </c>
      <c r="G112" s="520"/>
    </row>
    <row r="113" spans="1:7" ht="12.75">
      <c r="A113" s="64"/>
      <c r="B113" s="64"/>
      <c r="C113" s="65"/>
      <c r="D113" s="151"/>
      <c r="E113" s="152"/>
      <c r="F113" s="154" t="s">
        <v>261</v>
      </c>
      <c r="G113" s="521"/>
    </row>
    <row r="114" spans="1:7">
      <c r="A114" s="79"/>
      <c r="B114" s="80"/>
      <c r="C114" s="81"/>
      <c r="D114" s="82"/>
      <c r="E114" s="42"/>
      <c r="F114" s="153" t="s">
        <v>290</v>
      </c>
      <c r="G114" s="522"/>
    </row>
    <row r="115" spans="1:7" ht="12.75">
      <c r="A115" s="64"/>
      <c r="B115" s="64"/>
      <c r="C115" s="65"/>
      <c r="D115" s="83"/>
      <c r="E115" s="27"/>
      <c r="F115" s="155" t="s">
        <v>262</v>
      </c>
      <c r="G115" s="523"/>
    </row>
    <row r="116" spans="1:7" s="53" customFormat="1">
      <c r="A116" s="63"/>
      <c r="B116" s="68"/>
      <c r="C116" s="499" t="s">
        <v>927</v>
      </c>
      <c r="D116" s="499"/>
      <c r="E116" s="499"/>
      <c r="F116" s="499"/>
      <c r="G116" s="499"/>
    </row>
    <row r="117" spans="1:7" s="53" customFormat="1" ht="12.75">
      <c r="A117" s="64"/>
      <c r="B117" s="64"/>
      <c r="C117" s="500" t="s">
        <v>92</v>
      </c>
      <c r="D117" s="500"/>
      <c r="E117" s="500"/>
      <c r="F117" s="500"/>
      <c r="G117" s="500"/>
    </row>
    <row r="118" spans="1:7" s="53" customFormat="1" ht="19.5" customHeight="1">
      <c r="A118" s="63"/>
      <c r="B118" s="68"/>
      <c r="C118" s="513" t="s">
        <v>1033</v>
      </c>
      <c r="D118" s="513"/>
      <c r="E118" s="513"/>
      <c r="F118" s="513"/>
      <c r="G118" s="513"/>
    </row>
    <row r="119" spans="1:7" s="53" customFormat="1">
      <c r="A119" s="52"/>
      <c r="B119" s="60"/>
      <c r="C119" s="517" t="s">
        <v>131</v>
      </c>
      <c r="D119" s="517"/>
      <c r="E119" s="517"/>
      <c r="F119" s="517"/>
      <c r="G119" s="517"/>
    </row>
    <row r="120" spans="1:7" s="53" customFormat="1" ht="14.25" customHeight="1">
      <c r="A120" s="52"/>
      <c r="B120" s="60"/>
      <c r="D120" s="156"/>
      <c r="E120" s="510" t="s">
        <v>190</v>
      </c>
      <c r="F120" s="507"/>
    </row>
    <row r="121" spans="1:7" ht="18" customHeight="1">
      <c r="C121" s="31"/>
      <c r="D121" s="31"/>
      <c r="E121" s="510"/>
      <c r="F121" s="508"/>
    </row>
    <row r="122" spans="1:7" ht="14.25" customHeight="1">
      <c r="C122" s="31"/>
      <c r="D122" s="31"/>
      <c r="E122" s="509" t="s">
        <v>191</v>
      </c>
      <c r="F122" s="507"/>
    </row>
    <row r="123" spans="1:7" ht="18" customHeight="1">
      <c r="E123" s="509"/>
      <c r="F123" s="508"/>
    </row>
    <row r="124" spans="1:7">
      <c r="F124" s="362" t="s">
        <v>928</v>
      </c>
    </row>
    <row r="125" spans="1:7" ht="14.25" customHeight="1">
      <c r="E125" s="509" t="s">
        <v>302</v>
      </c>
      <c r="F125" s="511"/>
    </row>
    <row r="126" spans="1:7">
      <c r="E126" s="509"/>
      <c r="F126" s="512"/>
    </row>
    <row r="127" spans="1:7">
      <c r="F127" s="362" t="s">
        <v>965</v>
      </c>
    </row>
    <row r="128" spans="1:7" ht="12.75">
      <c r="A128" s="493" t="s">
        <v>138</v>
      </c>
      <c r="B128" s="493"/>
      <c r="C128" s="493"/>
      <c r="D128" s="493"/>
      <c r="E128" s="493"/>
      <c r="F128" s="493"/>
      <c r="G128" s="493"/>
    </row>
  </sheetData>
  <sheetProtection password="E0C6" sheet="1" scenarios="1" selectLockedCells="1"/>
  <mergeCells count="69">
    <mergeCell ref="C119:G119"/>
    <mergeCell ref="G110:G111"/>
    <mergeCell ref="G112:G113"/>
    <mergeCell ref="G114:G115"/>
    <mergeCell ref="C116:G116"/>
    <mergeCell ref="C117:G117"/>
    <mergeCell ref="C118:G118"/>
    <mergeCell ref="G108:G109"/>
    <mergeCell ref="C92:G92"/>
    <mergeCell ref="C93:G93"/>
    <mergeCell ref="C94:G94"/>
    <mergeCell ref="C95:G95"/>
    <mergeCell ref="C96:G96"/>
    <mergeCell ref="C97:G97"/>
    <mergeCell ref="C98:G98"/>
    <mergeCell ref="C99:G99"/>
    <mergeCell ref="C100:G100"/>
    <mergeCell ref="C104:G104"/>
    <mergeCell ref="G106:G107"/>
    <mergeCell ref="C91:G91"/>
    <mergeCell ref="G69:G70"/>
    <mergeCell ref="G71:G72"/>
    <mergeCell ref="G73:G74"/>
    <mergeCell ref="G75:G76"/>
    <mergeCell ref="G77:G78"/>
    <mergeCell ref="G79:G80"/>
    <mergeCell ref="G81:G82"/>
    <mergeCell ref="G83:G84"/>
    <mergeCell ref="G85:G86"/>
    <mergeCell ref="G87:G88"/>
    <mergeCell ref="G89:G90"/>
    <mergeCell ref="G67:G68"/>
    <mergeCell ref="C39:G39"/>
    <mergeCell ref="C43:G43"/>
    <mergeCell ref="G45:G46"/>
    <mergeCell ref="G47:G48"/>
    <mergeCell ref="G49:G50"/>
    <mergeCell ref="G51:G52"/>
    <mergeCell ref="G53:G54"/>
    <mergeCell ref="G55:G56"/>
    <mergeCell ref="G57:G58"/>
    <mergeCell ref="G59:G60"/>
    <mergeCell ref="G61:G62"/>
    <mergeCell ref="A64:G64"/>
    <mergeCell ref="C6:G6"/>
    <mergeCell ref="G8:G9"/>
    <mergeCell ref="G10:G11"/>
    <mergeCell ref="G12:G13"/>
    <mergeCell ref="G14:G15"/>
    <mergeCell ref="G16:G17"/>
    <mergeCell ref="C38:G38"/>
    <mergeCell ref="G18:G19"/>
    <mergeCell ref="G20:G21"/>
    <mergeCell ref="G22:G23"/>
    <mergeCell ref="G24:G25"/>
    <mergeCell ref="G26:G27"/>
    <mergeCell ref="G28:G29"/>
    <mergeCell ref="G30:G31"/>
    <mergeCell ref="G32:G33"/>
    <mergeCell ref="G34:G35"/>
    <mergeCell ref="C36:G36"/>
    <mergeCell ref="C37:G37"/>
    <mergeCell ref="A128:G128"/>
    <mergeCell ref="F122:F123"/>
    <mergeCell ref="E122:E123"/>
    <mergeCell ref="E120:E121"/>
    <mergeCell ref="F120:F121"/>
    <mergeCell ref="E125:E126"/>
    <mergeCell ref="F125:F126"/>
  </mergeCells>
  <phoneticPr fontId="6"/>
  <conditionalFormatting sqref="G110">
    <cfRule type="cellIs" dxfId="113" priority="30" operator="equal">
      <formula>"Used"</formula>
    </cfRule>
  </conditionalFormatting>
  <conditionalFormatting sqref="G8">
    <cfRule type="cellIs" dxfId="112" priority="8" operator="equal">
      <formula>"Not Applicable"</formula>
    </cfRule>
  </conditionalFormatting>
  <conditionalFormatting sqref="G10">
    <cfRule type="cellIs" dxfId="111" priority="7" operator="equal">
      <formula>"Not Applicable"</formula>
    </cfRule>
  </conditionalFormatting>
  <conditionalFormatting sqref="G12">
    <cfRule type="cellIs" dxfId="110" priority="6" operator="equal">
      <formula>"Not Applicable"</formula>
    </cfRule>
  </conditionalFormatting>
  <conditionalFormatting sqref="G14 G16 G18 G20 G22 G24 G26 G28 G30 G32 G34">
    <cfRule type="cellIs" dxfId="109" priority="5" operator="equal">
      <formula>"Not Applicable"</formula>
    </cfRule>
  </conditionalFormatting>
  <conditionalFormatting sqref="G45 G47 G49 G51 G53 G55 G57 G59 G61">
    <cfRule type="cellIs" dxfId="108" priority="4" operator="equal">
      <formula>"Not Applicable"</formula>
    </cfRule>
  </conditionalFormatting>
  <conditionalFormatting sqref="G67 G69 G71 G73 G75 G77 G79 G81 G83 G85 G87">
    <cfRule type="cellIs" dxfId="107" priority="3" operator="equal">
      <formula>"Not Applicable"</formula>
    </cfRule>
  </conditionalFormatting>
  <conditionalFormatting sqref="G106">
    <cfRule type="cellIs" dxfId="106" priority="2" operator="equal">
      <formula>"Not Applicable"</formula>
    </cfRule>
  </conditionalFormatting>
  <conditionalFormatting sqref="G89">
    <cfRule type="cellIs" dxfId="105" priority="1" operator="equal">
      <formula>"Not Applicable"</formula>
    </cfRule>
  </conditionalFormatting>
  <dataValidations count="3">
    <dataValidation type="list" allowBlank="1" showInputMessage="1" showErrorMessage="1" promptTitle="入力内容" prompt="使用している： Used_x000a_使用していない： Not Used" sqref="G110">
      <formula1>"&lt; Used / Not Used &gt;, Used, Not Used"</formula1>
    </dataValidation>
    <dataValidation type="list" allowBlank="1" showInputMessage="1" showErrorMessage="1" prompt="Use PWB： Yes_x000a_Do not use PWB： No" sqref="G108">
      <formula1>"&lt; Yes / No &gt;, Yes, No"</formula1>
    </dataValidation>
    <dataValidation type="list" showInputMessage="1" showErrorMessage="1" promptTitle="入力内容" prompt="判定基準を満たす： Applicable_x000a_満たさない： Not Applicable" sqref="G8 G10 G12 G14 G16 G18 G20 G22 G24 G26 G28 G30 G32 G34 G45 G47 G49 G51 G53 G55 G57 G59 G61 G67 G69 G71 G73 G75 G77 G79 G81 G83 G85 G87 G106 G89">
      <formula1>"&lt; Applicable                  / Not Applicable &gt;, Applicable, Not Applicable"</formula1>
    </dataValidation>
  </dataValidations>
  <printOptions horizontalCentered="1"/>
  <pageMargins left="0.59055118110236227" right="0.59055118110236227" top="0.78740157480314965" bottom="0.59055118110236227" header="0.31496062992125984" footer="0.31496062992125984"/>
  <pageSetup paperSize="9" scale="69" orientation="portrait" r:id="rId1"/>
  <headerFooter>
    <oddFooter>&amp;RV.10.0 (revised on Jun. 2018)</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A1:I82"/>
  <sheetViews>
    <sheetView showGridLines="0" view="pageBreakPreview" zoomScaleNormal="100" zoomScaleSheetLayoutView="100" workbookViewId="0">
      <selection activeCell="I7" sqref="I7:I8"/>
    </sheetView>
  </sheetViews>
  <sheetFormatPr defaultColWidth="0.85546875" defaultRowHeight="15.75"/>
  <cols>
    <col min="1" max="1" width="2.140625" style="33" customWidth="1"/>
    <col min="2" max="2" width="1.85546875" style="98" customWidth="1"/>
    <col min="3" max="3" width="4.140625" style="99" bestFit="1" customWidth="1"/>
    <col min="4" max="4" width="3" style="100" customWidth="1"/>
    <col min="5" max="5" width="12.5703125" style="99" customWidth="1"/>
    <col min="6" max="6" width="6.28515625" style="101" bestFit="1" customWidth="1"/>
    <col min="7" max="7" width="98.5703125" style="102" customWidth="1"/>
    <col min="8" max="8" width="13.5703125" style="99" bestFit="1" customWidth="1"/>
    <col min="9" max="9" width="13.140625" style="100" customWidth="1"/>
    <col min="10" max="16384" width="0.85546875" style="100"/>
  </cols>
  <sheetData>
    <row r="1" spans="1:9">
      <c r="I1" s="2" t="str">
        <f>A.RoHS!G1</f>
        <v xml:space="preserve"> </v>
      </c>
    </row>
    <row r="2" spans="1:9">
      <c r="A2" s="33" t="s">
        <v>888</v>
      </c>
    </row>
    <row r="3" spans="1:9">
      <c r="B3" s="25" t="s">
        <v>153</v>
      </c>
    </row>
    <row r="4" spans="1:9" ht="14.25">
      <c r="A4" s="103"/>
      <c r="B4" s="103" t="s">
        <v>264</v>
      </c>
      <c r="C4" s="104"/>
      <c r="D4" s="105"/>
      <c r="E4" s="104"/>
      <c r="F4" s="106"/>
      <c r="G4" s="107"/>
    </row>
    <row r="5" spans="1:9" ht="26.25" thickBot="1">
      <c r="C5" s="529" t="s">
        <v>855</v>
      </c>
      <c r="D5" s="530"/>
      <c r="E5" s="531"/>
      <c r="F5" s="110" t="s">
        <v>17</v>
      </c>
      <c r="G5" s="137" t="s">
        <v>947</v>
      </c>
      <c r="H5" s="138" t="s">
        <v>889</v>
      </c>
      <c r="I5" s="13" t="s">
        <v>856</v>
      </c>
    </row>
    <row r="6" spans="1:9" ht="16.5" thickTop="1">
      <c r="C6" s="116">
        <v>1</v>
      </c>
      <c r="D6" s="100" t="s">
        <v>890</v>
      </c>
      <c r="I6" s="139"/>
    </row>
    <row r="7" spans="1:9">
      <c r="C7" s="116"/>
      <c r="D7" s="117"/>
      <c r="E7" s="160" t="s">
        <v>848</v>
      </c>
      <c r="F7" s="335">
        <v>1</v>
      </c>
      <c r="G7" s="336" t="s">
        <v>891</v>
      </c>
      <c r="H7" s="112" t="s">
        <v>1</v>
      </c>
      <c r="I7" s="528" t="s">
        <v>724</v>
      </c>
    </row>
    <row r="8" spans="1:9" ht="14.25">
      <c r="A8" s="103"/>
      <c r="B8" s="103"/>
      <c r="C8" s="119"/>
      <c r="D8" s="120"/>
      <c r="E8" s="161" t="s">
        <v>15</v>
      </c>
      <c r="F8" s="121"/>
      <c r="G8" s="140" t="s">
        <v>129</v>
      </c>
      <c r="H8" s="338"/>
      <c r="I8" s="528"/>
    </row>
    <row r="9" spans="1:9">
      <c r="C9" s="116"/>
      <c r="D9" s="117"/>
      <c r="E9" s="318" t="s">
        <v>895</v>
      </c>
      <c r="F9" s="335">
        <v>2</v>
      </c>
      <c r="G9" s="336" t="s">
        <v>892</v>
      </c>
      <c r="H9" s="112" t="s">
        <v>97</v>
      </c>
      <c r="I9" s="317"/>
    </row>
    <row r="10" spans="1:9" ht="33.75" customHeight="1">
      <c r="C10" s="116"/>
      <c r="D10" s="117"/>
      <c r="E10" s="123" t="s">
        <v>16</v>
      </c>
      <c r="F10" s="335">
        <v>3</v>
      </c>
      <c r="G10" s="336" t="s">
        <v>893</v>
      </c>
      <c r="H10" s="112" t="s">
        <v>338</v>
      </c>
      <c r="I10" s="528" t="s">
        <v>724</v>
      </c>
    </row>
    <row r="11" spans="1:9" ht="24">
      <c r="A11" s="103"/>
      <c r="B11" s="103"/>
      <c r="C11" s="119"/>
      <c r="D11" s="120"/>
      <c r="E11" s="123"/>
      <c r="F11" s="121"/>
      <c r="G11" s="140" t="s">
        <v>339</v>
      </c>
      <c r="H11" s="338"/>
      <c r="I11" s="528"/>
    </row>
    <row r="12" spans="1:9" ht="19.5" customHeight="1">
      <c r="C12" s="116"/>
      <c r="D12" s="117"/>
      <c r="E12" s="318"/>
      <c r="F12" s="335">
        <v>4</v>
      </c>
      <c r="G12" s="336" t="s">
        <v>953</v>
      </c>
      <c r="H12" s="112" t="s">
        <v>340</v>
      </c>
      <c r="I12" s="528"/>
    </row>
    <row r="13" spans="1:9" ht="14.25">
      <c r="A13" s="103"/>
      <c r="B13" s="103"/>
      <c r="C13" s="119"/>
      <c r="D13" s="120"/>
      <c r="E13" s="123"/>
      <c r="F13" s="121"/>
      <c r="G13" s="140" t="s">
        <v>341</v>
      </c>
      <c r="H13" s="338"/>
      <c r="I13" s="528"/>
    </row>
    <row r="14" spans="1:9">
      <c r="C14" s="116"/>
      <c r="D14" s="117"/>
      <c r="E14" s="318"/>
      <c r="F14" s="335">
        <v>5</v>
      </c>
      <c r="G14" s="336" t="s">
        <v>248</v>
      </c>
      <c r="H14" s="127" t="s">
        <v>96</v>
      </c>
      <c r="I14" s="504"/>
    </row>
    <row r="15" spans="1:9">
      <c r="C15" s="116"/>
      <c r="D15" s="117"/>
      <c r="E15" s="123"/>
      <c r="F15" s="124"/>
      <c r="G15" s="140" t="s">
        <v>135</v>
      </c>
      <c r="H15" s="324"/>
      <c r="I15" s="505"/>
    </row>
    <row r="16" spans="1:9">
      <c r="C16" s="116"/>
      <c r="D16" s="117"/>
      <c r="E16" s="123"/>
      <c r="F16" s="124"/>
      <c r="G16" s="141" t="s">
        <v>905</v>
      </c>
      <c r="H16" s="127" t="s">
        <v>96</v>
      </c>
      <c r="I16" s="527" t="s">
        <v>128</v>
      </c>
    </row>
    <row r="17" spans="1:9">
      <c r="C17" s="116"/>
      <c r="D17" s="117"/>
      <c r="E17" s="123"/>
      <c r="F17" s="124"/>
      <c r="G17" s="142"/>
      <c r="H17" s="324"/>
      <c r="I17" s="505"/>
    </row>
    <row r="18" spans="1:9">
      <c r="C18" s="116"/>
      <c r="D18" s="117"/>
      <c r="E18" s="123"/>
      <c r="F18" s="124"/>
      <c r="G18" s="143" t="s">
        <v>249</v>
      </c>
      <c r="H18" s="127" t="s">
        <v>96</v>
      </c>
      <c r="I18" s="504"/>
    </row>
    <row r="19" spans="1:9">
      <c r="C19" s="338"/>
      <c r="D19" s="144"/>
      <c r="E19" s="132"/>
      <c r="F19" s="121"/>
      <c r="G19" s="100"/>
      <c r="H19" s="324"/>
      <c r="I19" s="505"/>
    </row>
    <row r="20" spans="1:9">
      <c r="C20" s="112">
        <v>2</v>
      </c>
      <c r="D20" s="113" t="s">
        <v>954</v>
      </c>
      <c r="E20" s="114"/>
      <c r="F20" s="115"/>
      <c r="G20" s="339"/>
      <c r="H20" s="114"/>
      <c r="I20" s="129"/>
    </row>
    <row r="21" spans="1:9">
      <c r="C21" s="116"/>
      <c r="D21" s="117"/>
      <c r="E21" s="160" t="s">
        <v>848</v>
      </c>
      <c r="F21" s="335">
        <v>1</v>
      </c>
      <c r="G21" s="336" t="s">
        <v>250</v>
      </c>
      <c r="H21" s="112" t="s">
        <v>96</v>
      </c>
      <c r="I21" s="528" t="s">
        <v>183</v>
      </c>
    </row>
    <row r="22" spans="1:9" ht="14.25">
      <c r="A22" s="103"/>
      <c r="B22" s="103"/>
      <c r="C22" s="119"/>
      <c r="D22" s="120"/>
      <c r="E22" s="162" t="s">
        <v>15</v>
      </c>
      <c r="F22" s="121"/>
      <c r="G22" s="140" t="s">
        <v>30</v>
      </c>
      <c r="H22" s="338"/>
      <c r="I22" s="528"/>
    </row>
    <row r="23" spans="1:9">
      <c r="C23" s="116"/>
      <c r="D23" s="117"/>
      <c r="E23" s="398"/>
      <c r="F23" s="335">
        <v>2</v>
      </c>
      <c r="G23" s="166" t="s">
        <v>955</v>
      </c>
      <c r="H23" s="112" t="s">
        <v>96</v>
      </c>
      <c r="I23" s="528" t="s">
        <v>183</v>
      </c>
    </row>
    <row r="24" spans="1:9" ht="14.25">
      <c r="A24" s="103"/>
      <c r="B24" s="103"/>
      <c r="C24" s="119"/>
      <c r="D24" s="120"/>
      <c r="E24" s="397"/>
      <c r="F24" s="121"/>
      <c r="G24" s="140" t="s">
        <v>31</v>
      </c>
      <c r="H24" s="338"/>
      <c r="I24" s="528"/>
    </row>
    <row r="25" spans="1:9">
      <c r="C25" s="116"/>
      <c r="D25" s="117"/>
      <c r="E25" s="398"/>
      <c r="F25" s="335">
        <v>3</v>
      </c>
      <c r="G25" s="336" t="s">
        <v>894</v>
      </c>
      <c r="H25" s="112" t="s">
        <v>96</v>
      </c>
      <c r="I25" s="528" t="s">
        <v>183</v>
      </c>
    </row>
    <row r="26" spans="1:9" ht="14.25">
      <c r="A26" s="103"/>
      <c r="B26" s="103"/>
      <c r="C26" s="119"/>
      <c r="D26" s="120"/>
      <c r="E26" s="399"/>
      <c r="F26" s="121"/>
      <c r="G26" s="140" t="s">
        <v>342</v>
      </c>
      <c r="H26" s="338"/>
      <c r="I26" s="528"/>
    </row>
    <row r="27" spans="1:9">
      <c r="C27" s="116"/>
      <c r="D27" s="117"/>
      <c r="E27" s="318" t="s">
        <v>895</v>
      </c>
      <c r="F27" s="335">
        <v>4</v>
      </c>
      <c r="G27" s="167" t="s">
        <v>896</v>
      </c>
      <c r="H27" s="112" t="s">
        <v>98</v>
      </c>
      <c r="I27" s="528" t="s">
        <v>183</v>
      </c>
    </row>
    <row r="28" spans="1:9" ht="14.25">
      <c r="A28" s="103"/>
      <c r="B28" s="103"/>
      <c r="C28" s="119"/>
      <c r="D28" s="120"/>
      <c r="E28" s="123" t="s">
        <v>16</v>
      </c>
      <c r="F28" s="121"/>
      <c r="G28" s="140" t="s">
        <v>114</v>
      </c>
      <c r="H28" s="338"/>
      <c r="I28" s="528"/>
    </row>
    <row r="29" spans="1:9" ht="29.25" customHeight="1">
      <c r="C29" s="116"/>
      <c r="D29" s="117"/>
      <c r="E29" s="318"/>
      <c r="F29" s="335">
        <v>5</v>
      </c>
      <c r="G29" s="336" t="s">
        <v>1031</v>
      </c>
      <c r="H29" s="112" t="s">
        <v>3</v>
      </c>
      <c r="I29" s="528" t="s">
        <v>183</v>
      </c>
    </row>
    <row r="30" spans="1:9" ht="24">
      <c r="A30" s="103"/>
      <c r="B30" s="103"/>
      <c r="C30" s="119"/>
      <c r="D30" s="120"/>
      <c r="E30" s="123"/>
      <c r="F30" s="121"/>
      <c r="G30" s="140" t="s">
        <v>32</v>
      </c>
      <c r="H30" s="338"/>
      <c r="I30" s="528"/>
    </row>
    <row r="31" spans="1:9">
      <c r="C31" s="116"/>
      <c r="D31" s="117"/>
      <c r="E31" s="318"/>
      <c r="F31" s="335">
        <v>6</v>
      </c>
      <c r="G31" s="336" t="s">
        <v>897</v>
      </c>
      <c r="H31" s="112" t="s">
        <v>99</v>
      </c>
      <c r="I31" s="528" t="s">
        <v>183</v>
      </c>
    </row>
    <row r="32" spans="1:9" ht="14.25">
      <c r="A32" s="103"/>
      <c r="B32" s="103"/>
      <c r="C32" s="119"/>
      <c r="D32" s="120"/>
      <c r="E32" s="123"/>
      <c r="F32" s="121"/>
      <c r="G32" s="140" t="s">
        <v>18</v>
      </c>
      <c r="H32" s="338"/>
      <c r="I32" s="528"/>
    </row>
    <row r="33" spans="1:9">
      <c r="C33" s="116"/>
      <c r="D33" s="117"/>
      <c r="E33" s="318"/>
      <c r="F33" s="335">
        <v>7</v>
      </c>
      <c r="G33" s="336" t="s">
        <v>898</v>
      </c>
      <c r="H33" s="112"/>
      <c r="I33" s="14" t="s">
        <v>183</v>
      </c>
    </row>
    <row r="34" spans="1:9">
      <c r="C34" s="116"/>
      <c r="D34" s="117"/>
      <c r="E34" s="318"/>
      <c r="F34" s="125"/>
      <c r="G34" s="145" t="s">
        <v>956</v>
      </c>
      <c r="H34" s="112" t="s">
        <v>100</v>
      </c>
      <c r="I34" s="317" t="s">
        <v>183</v>
      </c>
    </row>
    <row r="35" spans="1:9">
      <c r="C35" s="116"/>
      <c r="D35" s="117"/>
      <c r="E35" s="318"/>
      <c r="F35" s="125"/>
      <c r="G35" s="145" t="s">
        <v>899</v>
      </c>
      <c r="H35" s="112" t="s">
        <v>101</v>
      </c>
      <c r="I35" s="317" t="s">
        <v>183</v>
      </c>
    </row>
    <row r="36" spans="1:9">
      <c r="C36" s="116"/>
      <c r="D36" s="117"/>
      <c r="E36" s="318"/>
      <c r="F36" s="125"/>
      <c r="G36" s="145" t="s">
        <v>900</v>
      </c>
      <c r="H36" s="112" t="s">
        <v>102</v>
      </c>
      <c r="I36" s="317" t="s">
        <v>183</v>
      </c>
    </row>
    <row r="37" spans="1:9">
      <c r="C37" s="116"/>
      <c r="D37" s="117"/>
      <c r="E37" s="318"/>
      <c r="F37" s="335">
        <v>8</v>
      </c>
      <c r="G37" s="336" t="s">
        <v>251</v>
      </c>
      <c r="H37" s="112">
        <v>15</v>
      </c>
      <c r="I37" s="528" t="s">
        <v>183</v>
      </c>
    </row>
    <row r="38" spans="1:9" ht="14.25">
      <c r="A38" s="103"/>
      <c r="B38" s="103"/>
      <c r="C38" s="119"/>
      <c r="D38" s="120"/>
      <c r="E38" s="123"/>
      <c r="F38" s="121"/>
      <c r="G38" s="140" t="s">
        <v>33</v>
      </c>
      <c r="H38" s="338"/>
      <c r="I38" s="528"/>
    </row>
    <row r="39" spans="1:9">
      <c r="C39" s="116"/>
      <c r="D39" s="117"/>
      <c r="E39" s="318"/>
      <c r="F39" s="335">
        <v>9</v>
      </c>
      <c r="G39" s="361" t="s">
        <v>901</v>
      </c>
      <c r="H39" s="112" t="s">
        <v>103</v>
      </c>
      <c r="I39" s="528" t="s">
        <v>183</v>
      </c>
    </row>
    <row r="40" spans="1:9" ht="14.25">
      <c r="A40" s="103"/>
      <c r="B40" s="103"/>
      <c r="C40" s="119"/>
      <c r="D40" s="120"/>
      <c r="E40" s="123"/>
      <c r="F40" s="121"/>
      <c r="G40" s="140" t="s">
        <v>341</v>
      </c>
      <c r="H40" s="338"/>
      <c r="I40" s="528"/>
    </row>
    <row r="41" spans="1:9">
      <c r="C41" s="116"/>
      <c r="D41" s="117"/>
      <c r="E41" s="318"/>
      <c r="F41" s="335">
        <v>10</v>
      </c>
      <c r="G41" s="361" t="s">
        <v>902</v>
      </c>
      <c r="H41" s="112" t="s">
        <v>343</v>
      </c>
      <c r="I41" s="528" t="s">
        <v>183</v>
      </c>
    </row>
    <row r="42" spans="1:9" ht="14.25">
      <c r="A42" s="103"/>
      <c r="B42" s="103"/>
      <c r="C42" s="119"/>
      <c r="D42" s="120"/>
      <c r="E42" s="123"/>
      <c r="F42" s="121"/>
      <c r="G42" s="140" t="s">
        <v>344</v>
      </c>
      <c r="H42" s="338"/>
      <c r="I42" s="528"/>
    </row>
    <row r="43" spans="1:9">
      <c r="C43" s="116"/>
      <c r="D43" s="117"/>
      <c r="E43" s="318"/>
      <c r="F43" s="335">
        <v>11</v>
      </c>
      <c r="G43" s="361" t="s">
        <v>903</v>
      </c>
      <c r="H43" s="112" t="s">
        <v>340</v>
      </c>
      <c r="I43" s="528" t="s">
        <v>183</v>
      </c>
    </row>
    <row r="44" spans="1:9" ht="14.25">
      <c r="A44" s="103"/>
      <c r="B44" s="103"/>
      <c r="C44" s="119"/>
      <c r="D44" s="120"/>
      <c r="E44" s="123"/>
      <c r="F44" s="121"/>
      <c r="G44" s="140" t="s">
        <v>345</v>
      </c>
      <c r="H44" s="338"/>
      <c r="I44" s="528"/>
    </row>
    <row r="45" spans="1:9" ht="29.25" customHeight="1">
      <c r="C45" s="116"/>
      <c r="D45" s="117"/>
      <c r="E45" s="318"/>
      <c r="F45" s="335">
        <v>12</v>
      </c>
      <c r="G45" s="361" t="s">
        <v>1297</v>
      </c>
      <c r="H45" s="112" t="s">
        <v>349</v>
      </c>
      <c r="I45" s="528" t="s">
        <v>183</v>
      </c>
    </row>
    <row r="46" spans="1:9" ht="36">
      <c r="A46" s="103"/>
      <c r="B46" s="103"/>
      <c r="C46" s="119"/>
      <c r="D46" s="120"/>
      <c r="E46" s="123"/>
      <c r="F46" s="121"/>
      <c r="G46" s="140" t="s">
        <v>346</v>
      </c>
      <c r="H46" s="338"/>
      <c r="I46" s="528"/>
    </row>
    <row r="47" spans="1:9">
      <c r="C47" s="116"/>
      <c r="D47" s="117"/>
      <c r="E47" s="318"/>
      <c r="F47" s="335">
        <v>13</v>
      </c>
      <c r="G47" s="168" t="s">
        <v>904</v>
      </c>
      <c r="H47" s="112" t="s">
        <v>2</v>
      </c>
      <c r="I47" s="528" t="s">
        <v>183</v>
      </c>
    </row>
    <row r="48" spans="1:9" ht="14.25">
      <c r="A48" s="103"/>
      <c r="B48" s="103"/>
      <c r="C48" s="119"/>
      <c r="D48" s="120"/>
      <c r="E48" s="123"/>
      <c r="F48" s="121"/>
      <c r="G48" s="140" t="s">
        <v>34</v>
      </c>
      <c r="H48" s="338"/>
      <c r="I48" s="528"/>
    </row>
    <row r="49" spans="1:9">
      <c r="C49" s="116"/>
      <c r="D49" s="117"/>
      <c r="E49" s="318"/>
      <c r="F49" s="335">
        <v>14</v>
      </c>
      <c r="G49" s="336" t="s">
        <v>957</v>
      </c>
      <c r="H49" s="112" t="s">
        <v>115</v>
      </c>
      <c r="I49" s="528" t="s">
        <v>183</v>
      </c>
    </row>
    <row r="50" spans="1:9" ht="26.25" customHeight="1">
      <c r="A50" s="103"/>
      <c r="B50" s="103"/>
      <c r="C50" s="119"/>
      <c r="D50" s="120"/>
      <c r="E50" s="123"/>
      <c r="F50" s="124"/>
      <c r="G50" s="146" t="s">
        <v>116</v>
      </c>
      <c r="H50" s="116"/>
      <c r="I50" s="528"/>
    </row>
    <row r="51" spans="1:9">
      <c r="C51" s="116"/>
      <c r="D51" s="117"/>
      <c r="E51" s="318"/>
      <c r="F51" s="335">
        <v>15</v>
      </c>
      <c r="G51" s="336" t="s">
        <v>248</v>
      </c>
      <c r="H51" s="127" t="s">
        <v>96</v>
      </c>
      <c r="I51" s="504" t="s">
        <v>183</v>
      </c>
    </row>
    <row r="52" spans="1:9">
      <c r="C52" s="116"/>
      <c r="D52" s="117"/>
      <c r="E52" s="123"/>
      <c r="F52" s="124"/>
      <c r="G52" s="140" t="s">
        <v>135</v>
      </c>
      <c r="H52" s="324"/>
      <c r="I52" s="505"/>
    </row>
    <row r="53" spans="1:9">
      <c r="C53" s="116"/>
      <c r="D53" s="117"/>
      <c r="E53" s="123"/>
      <c r="F53" s="124"/>
      <c r="G53" s="141" t="s">
        <v>905</v>
      </c>
      <c r="H53" s="127" t="s">
        <v>96</v>
      </c>
      <c r="I53" s="527" t="s">
        <v>128</v>
      </c>
    </row>
    <row r="54" spans="1:9">
      <c r="C54" s="116"/>
      <c r="D54" s="117"/>
      <c r="E54" s="123"/>
      <c r="F54" s="124"/>
      <c r="G54" s="142"/>
      <c r="H54" s="324"/>
      <c r="I54" s="505"/>
    </row>
    <row r="55" spans="1:9">
      <c r="C55" s="116"/>
      <c r="D55" s="117"/>
      <c r="E55" s="123"/>
      <c r="F55" s="124"/>
      <c r="G55" s="143" t="s">
        <v>249</v>
      </c>
      <c r="H55" s="127" t="s">
        <v>96</v>
      </c>
      <c r="I55" s="504"/>
    </row>
    <row r="56" spans="1:9">
      <c r="C56" s="338"/>
      <c r="D56" s="144"/>
      <c r="E56" s="132"/>
      <c r="F56" s="121"/>
      <c r="G56" s="100"/>
      <c r="H56" s="324"/>
      <c r="I56" s="505"/>
    </row>
    <row r="57" spans="1:9">
      <c r="C57" s="112">
        <v>3</v>
      </c>
      <c r="D57" s="113" t="s">
        <v>906</v>
      </c>
      <c r="E57" s="114"/>
      <c r="F57" s="115"/>
      <c r="G57" s="339"/>
      <c r="H57" s="114"/>
      <c r="I57" s="129"/>
    </row>
    <row r="58" spans="1:9">
      <c r="C58" s="116"/>
      <c r="D58" s="117"/>
      <c r="E58" s="160" t="s">
        <v>848</v>
      </c>
      <c r="F58" s="335">
        <v>1</v>
      </c>
      <c r="G58" s="336" t="s">
        <v>958</v>
      </c>
      <c r="H58" s="112" t="s">
        <v>96</v>
      </c>
      <c r="I58" s="528" t="s">
        <v>183</v>
      </c>
    </row>
    <row r="59" spans="1:9" ht="14.25">
      <c r="A59" s="103"/>
      <c r="B59" s="103"/>
      <c r="C59" s="119"/>
      <c r="D59" s="120"/>
      <c r="E59" s="161" t="s">
        <v>15</v>
      </c>
      <c r="F59" s="121"/>
      <c r="G59" s="140" t="s">
        <v>129</v>
      </c>
      <c r="H59" s="338"/>
      <c r="I59" s="528"/>
    </row>
    <row r="60" spans="1:9">
      <c r="C60" s="116"/>
      <c r="D60" s="117"/>
      <c r="E60" s="318" t="s">
        <v>895</v>
      </c>
      <c r="F60" s="335">
        <v>2</v>
      </c>
      <c r="G60" s="166" t="s">
        <v>907</v>
      </c>
      <c r="H60" s="112"/>
      <c r="I60" s="14"/>
    </row>
    <row r="61" spans="1:9" ht="28.5" customHeight="1">
      <c r="A61" s="103"/>
      <c r="B61" s="103"/>
      <c r="C61" s="119"/>
      <c r="D61" s="120"/>
      <c r="E61" s="123" t="s">
        <v>16</v>
      </c>
      <c r="F61" s="124"/>
      <c r="G61" s="140" t="s">
        <v>35</v>
      </c>
      <c r="H61" s="338"/>
      <c r="I61" s="15"/>
    </row>
    <row r="62" spans="1:9">
      <c r="C62" s="116"/>
      <c r="D62" s="117"/>
      <c r="E62" s="318"/>
      <c r="F62" s="125"/>
      <c r="G62" s="145" t="s">
        <v>908</v>
      </c>
      <c r="H62" s="112" t="s">
        <v>104</v>
      </c>
      <c r="I62" s="317" t="s">
        <v>183</v>
      </c>
    </row>
    <row r="63" spans="1:9">
      <c r="C63" s="116"/>
      <c r="D63" s="117"/>
      <c r="E63" s="318"/>
      <c r="F63" s="125"/>
      <c r="G63" s="145" t="s">
        <v>959</v>
      </c>
      <c r="H63" s="112" t="s">
        <v>105</v>
      </c>
      <c r="I63" s="525" t="s">
        <v>183</v>
      </c>
    </row>
    <row r="64" spans="1:9">
      <c r="C64" s="116"/>
      <c r="D64" s="117"/>
      <c r="E64" s="318"/>
      <c r="F64" s="125"/>
      <c r="G64" s="147" t="s">
        <v>252</v>
      </c>
      <c r="H64" s="338"/>
      <c r="I64" s="526"/>
    </row>
    <row r="65" spans="1:9">
      <c r="C65" s="116"/>
      <c r="D65" s="117"/>
      <c r="E65" s="318"/>
      <c r="F65" s="125"/>
      <c r="G65" s="145" t="s">
        <v>909</v>
      </c>
      <c r="H65" s="112" t="s">
        <v>106</v>
      </c>
      <c r="I65" s="317" t="s">
        <v>183</v>
      </c>
    </row>
    <row r="66" spans="1:9">
      <c r="C66" s="116"/>
      <c r="D66" s="117"/>
      <c r="E66" s="318"/>
      <c r="F66" s="335">
        <v>3</v>
      </c>
      <c r="G66" s="336" t="s">
        <v>910</v>
      </c>
      <c r="H66" s="112" t="s">
        <v>107</v>
      </c>
      <c r="I66" s="317" t="s">
        <v>183</v>
      </c>
    </row>
    <row r="67" spans="1:9">
      <c r="C67" s="116"/>
      <c r="D67" s="117"/>
      <c r="E67" s="318"/>
      <c r="F67" s="335">
        <v>4</v>
      </c>
      <c r="G67" s="148" t="s">
        <v>1301</v>
      </c>
      <c r="H67" s="112" t="s">
        <v>108</v>
      </c>
      <c r="I67" s="528" t="s">
        <v>183</v>
      </c>
    </row>
    <row r="68" spans="1:9" ht="14.25">
      <c r="A68" s="103"/>
      <c r="B68" s="103"/>
      <c r="C68" s="119"/>
      <c r="D68" s="120"/>
      <c r="E68" s="123"/>
      <c r="F68" s="124"/>
      <c r="G68" s="146" t="s">
        <v>36</v>
      </c>
      <c r="H68" s="116"/>
      <c r="I68" s="528"/>
    </row>
    <row r="69" spans="1:9">
      <c r="C69" s="116"/>
      <c r="D69" s="117"/>
      <c r="E69" s="318"/>
      <c r="F69" s="335">
        <v>5</v>
      </c>
      <c r="G69" s="336" t="s">
        <v>248</v>
      </c>
      <c r="H69" s="127" t="s">
        <v>96</v>
      </c>
      <c r="I69" s="504" t="s">
        <v>183</v>
      </c>
    </row>
    <row r="70" spans="1:9">
      <c r="C70" s="116"/>
      <c r="D70" s="117"/>
      <c r="E70" s="123"/>
      <c r="F70" s="124"/>
      <c r="G70" s="140" t="s">
        <v>135</v>
      </c>
      <c r="H70" s="324"/>
      <c r="I70" s="505"/>
    </row>
    <row r="71" spans="1:9">
      <c r="C71" s="116"/>
      <c r="D71" s="117"/>
      <c r="E71" s="123"/>
      <c r="F71" s="124"/>
      <c r="G71" s="141" t="s">
        <v>905</v>
      </c>
      <c r="H71" s="127" t="s">
        <v>96</v>
      </c>
      <c r="I71" s="527" t="s">
        <v>128</v>
      </c>
    </row>
    <row r="72" spans="1:9">
      <c r="C72" s="116"/>
      <c r="D72" s="117"/>
      <c r="E72" s="123"/>
      <c r="F72" s="124"/>
      <c r="G72" s="142"/>
      <c r="H72" s="324"/>
      <c r="I72" s="505"/>
    </row>
    <row r="73" spans="1:9">
      <c r="C73" s="116"/>
      <c r="D73" s="117"/>
      <c r="E73" s="123"/>
      <c r="F73" s="124"/>
      <c r="G73" s="143" t="s">
        <v>249</v>
      </c>
      <c r="H73" s="127" t="s">
        <v>96</v>
      </c>
      <c r="I73" s="504"/>
    </row>
    <row r="74" spans="1:9">
      <c r="C74" s="338"/>
      <c r="D74" s="144"/>
      <c r="E74" s="132"/>
      <c r="F74" s="121"/>
      <c r="G74" s="149"/>
      <c r="H74" s="324"/>
      <c r="I74" s="505"/>
    </row>
    <row r="75" spans="1:9" ht="12.75" customHeight="1">
      <c r="B75" s="150" t="s">
        <v>911</v>
      </c>
    </row>
    <row r="76" spans="1:9" ht="12.75" customHeight="1">
      <c r="A76" s="103"/>
      <c r="B76" s="150" t="s">
        <v>119</v>
      </c>
      <c r="C76" s="104"/>
      <c r="D76" s="105"/>
      <c r="E76" s="104"/>
      <c r="F76" s="106"/>
      <c r="G76" s="107"/>
    </row>
    <row r="77" spans="1:9" ht="12.75" customHeight="1">
      <c r="B77" s="150" t="s">
        <v>912</v>
      </c>
    </row>
    <row r="78" spans="1:9" ht="12.75" customHeight="1">
      <c r="A78" s="103"/>
      <c r="B78" s="150" t="s">
        <v>347</v>
      </c>
      <c r="C78" s="104"/>
      <c r="D78" s="105"/>
      <c r="E78" s="104"/>
      <c r="F78" s="106"/>
      <c r="G78" s="107"/>
    </row>
    <row r="79" spans="1:9" ht="6" customHeight="1">
      <c r="A79" s="103"/>
      <c r="B79" s="150"/>
      <c r="C79" s="104"/>
      <c r="D79" s="105"/>
      <c r="E79" s="104"/>
      <c r="F79" s="106"/>
      <c r="G79" s="107"/>
    </row>
    <row r="80" spans="1:9" ht="14.25">
      <c r="A80" s="524" t="s">
        <v>139</v>
      </c>
      <c r="B80" s="524"/>
      <c r="C80" s="524"/>
      <c r="D80" s="524"/>
      <c r="E80" s="524"/>
      <c r="F80" s="524"/>
      <c r="G80" s="524"/>
      <c r="H80" s="524"/>
      <c r="I80" s="524"/>
    </row>
    <row r="81" spans="1:7" ht="14.25">
      <c r="A81" s="103"/>
      <c r="B81" s="150"/>
      <c r="C81" s="104"/>
      <c r="D81" s="105"/>
      <c r="E81" s="104"/>
      <c r="F81" s="106"/>
      <c r="G81" s="107"/>
    </row>
    <row r="82" spans="1:7" s="35" customFormat="1" ht="12.75"/>
  </sheetData>
  <sheetProtection password="E0C6" sheet="1" scenarios="1" selectLockedCells="1"/>
  <mergeCells count="30">
    <mergeCell ref="I43:I44"/>
    <mergeCell ref="I45:I46"/>
    <mergeCell ref="I37:I38"/>
    <mergeCell ref="I39:I40"/>
    <mergeCell ref="C5:E5"/>
    <mergeCell ref="I7:I8"/>
    <mergeCell ref="I14:I15"/>
    <mergeCell ref="I23:I24"/>
    <mergeCell ref="I25:I26"/>
    <mergeCell ref="I27:I28"/>
    <mergeCell ref="I29:I30"/>
    <mergeCell ref="I31:I32"/>
    <mergeCell ref="I12:I13"/>
    <mergeCell ref="I10:I11"/>
    <mergeCell ref="A80:I80"/>
    <mergeCell ref="I63:I64"/>
    <mergeCell ref="I73:I74"/>
    <mergeCell ref="I16:I17"/>
    <mergeCell ref="I53:I54"/>
    <mergeCell ref="I71:I72"/>
    <mergeCell ref="I18:I19"/>
    <mergeCell ref="I55:I56"/>
    <mergeCell ref="I67:I68"/>
    <mergeCell ref="I69:I70"/>
    <mergeCell ref="I47:I48"/>
    <mergeCell ref="I49:I50"/>
    <mergeCell ref="I58:I59"/>
    <mergeCell ref="I51:I52"/>
    <mergeCell ref="I41:I42"/>
    <mergeCell ref="I21:I22"/>
  </mergeCells>
  <phoneticPr fontId="6"/>
  <conditionalFormatting sqref="I7 I58 I21 I25 I23">
    <cfRule type="cellIs" dxfId="104" priority="9" stopIfTrue="1" operator="equal">
      <formula>"X"</formula>
    </cfRule>
  </conditionalFormatting>
  <conditionalFormatting sqref="I27 I34:I37 I31 I29 I9 I62:I63 I49 I47 I41 I39 I65:I67">
    <cfRule type="cellIs" dxfId="103" priority="8" operator="equal">
      <formula>"X"</formula>
    </cfRule>
  </conditionalFormatting>
  <conditionalFormatting sqref="I69">
    <cfRule type="cellIs" dxfId="102" priority="6" operator="equal">
      <formula>"X"</formula>
    </cfRule>
  </conditionalFormatting>
  <conditionalFormatting sqref="I51">
    <cfRule type="cellIs" dxfId="101" priority="5" operator="equal">
      <formula>"X"</formula>
    </cfRule>
  </conditionalFormatting>
  <conditionalFormatting sqref="I14">
    <cfRule type="cellIs" dxfId="100" priority="4" operator="equal">
      <formula>"X"</formula>
    </cfRule>
  </conditionalFormatting>
  <conditionalFormatting sqref="I12">
    <cfRule type="cellIs" dxfId="99" priority="3" operator="equal">
      <formula>"X"</formula>
    </cfRule>
  </conditionalFormatting>
  <conditionalFormatting sqref="I10">
    <cfRule type="cellIs" dxfId="98" priority="2" operator="equal">
      <formula>"X"</formula>
    </cfRule>
  </conditionalFormatting>
  <conditionalFormatting sqref="I45 I43">
    <cfRule type="cellIs" dxfId="97" priority="1" operator="equal">
      <formula>"X"</formula>
    </cfRule>
  </conditionalFormatting>
  <dataValidations count="2">
    <dataValidation type="list" allowBlank="1" showInputMessage="1" showErrorMessage="1" sqref="I39 I23 I58 I34:I37 I31 I29 I27 I25 I21 I62:I63 I7 I65:I67 I49 I47 I41 I51 I69 I14 I12 I9:I10 I43 I45">
      <formula1>"　,X"</formula1>
    </dataValidation>
    <dataValidation type="list" allowBlank="1" showInputMessage="1" showErrorMessage="1" sqref="I16 I53 I71">
      <formula1>"&lt; AnnexIII                  / AnnexIV &gt;, AnnexIII, AnnexIV"</formula1>
    </dataValidation>
  </dataValidations>
  <printOptions horizontalCentered="1"/>
  <pageMargins left="0.59055118110236227" right="0.59055118110236227" top="0.59055118110236227" bottom="0.59055118110236227" header="0.31496062992125984" footer="0.31496062992125984"/>
  <pageSetup paperSize="9" scale="60" orientation="portrait" r:id="rId1"/>
  <headerFooter>
    <oddFooter>&amp;LRoHS (appendix.)&amp;RV.10.0 (revised on Jun. 2018)</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I150"/>
  <sheetViews>
    <sheetView showGridLines="0" view="pageBreakPreview" zoomScaleNormal="100" zoomScaleSheetLayoutView="100" workbookViewId="0">
      <selection activeCell="H8" sqref="H8:H9"/>
    </sheetView>
  </sheetViews>
  <sheetFormatPr defaultColWidth="0.85546875" defaultRowHeight="15.75"/>
  <cols>
    <col min="1" max="1" width="1.85546875" style="33" customWidth="1"/>
    <col min="2" max="2" width="1.85546875" style="98" customWidth="1"/>
    <col min="3" max="3" width="4" style="99" bestFit="1" customWidth="1"/>
    <col min="4" max="4" width="1.42578125" style="100" customWidth="1"/>
    <col min="5" max="5" width="14.140625" style="99" customWidth="1"/>
    <col min="6" max="6" width="5.42578125" style="101" bestFit="1" customWidth="1"/>
    <col min="7" max="7" width="106" style="102" customWidth="1"/>
    <col min="8" max="8" width="13.140625" style="100" customWidth="1"/>
    <col min="9" max="16384" width="0.85546875" style="100"/>
  </cols>
  <sheetData>
    <row r="1" spans="1:8">
      <c r="H1" s="2" t="str">
        <f>A.RoHS!G1</f>
        <v xml:space="preserve"> </v>
      </c>
    </row>
    <row r="2" spans="1:8">
      <c r="A2" s="33" t="s">
        <v>314</v>
      </c>
    </row>
    <row r="3" spans="1:8" ht="14.25">
      <c r="A3" s="103"/>
      <c r="B3" s="103"/>
      <c r="C3" s="104"/>
      <c r="D3" s="105"/>
      <c r="E3" s="104"/>
      <c r="F3" s="106"/>
      <c r="G3" s="107"/>
    </row>
    <row r="4" spans="1:8">
      <c r="B4" s="108" t="s">
        <v>744</v>
      </c>
    </row>
    <row r="5" spans="1:8" ht="14.25">
      <c r="A5" s="103"/>
      <c r="B5" s="103" t="s">
        <v>263</v>
      </c>
      <c r="C5" s="104"/>
      <c r="D5" s="105"/>
      <c r="E5" s="104"/>
      <c r="F5" s="106"/>
      <c r="G5" s="107"/>
      <c r="H5" s="109"/>
    </row>
    <row r="6" spans="1:8" ht="26.25" thickBot="1">
      <c r="C6" s="529" t="s">
        <v>242</v>
      </c>
      <c r="D6" s="530"/>
      <c r="E6" s="531"/>
      <c r="F6" s="110" t="s">
        <v>17</v>
      </c>
      <c r="G6" s="111" t="s">
        <v>229</v>
      </c>
      <c r="H6" s="13" t="s">
        <v>189</v>
      </c>
    </row>
    <row r="7" spans="1:8" ht="16.5" thickTop="1">
      <c r="C7" s="112">
        <v>1</v>
      </c>
      <c r="D7" s="113" t="s">
        <v>291</v>
      </c>
      <c r="E7" s="114"/>
      <c r="F7" s="115"/>
      <c r="G7" s="339"/>
      <c r="H7" s="16"/>
    </row>
    <row r="8" spans="1:8">
      <c r="C8" s="116"/>
      <c r="D8" s="117"/>
      <c r="E8" s="160" t="s">
        <v>313</v>
      </c>
      <c r="F8" s="335">
        <v>1</v>
      </c>
      <c r="G8" s="118" t="s">
        <v>230</v>
      </c>
      <c r="H8" s="528" t="s">
        <v>183</v>
      </c>
    </row>
    <row r="9" spans="1:8" ht="14.25">
      <c r="A9" s="103"/>
      <c r="B9" s="103"/>
      <c r="C9" s="119"/>
      <c r="D9" s="120"/>
      <c r="E9" s="162" t="s">
        <v>15</v>
      </c>
      <c r="F9" s="121"/>
      <c r="G9" s="122" t="s">
        <v>19</v>
      </c>
      <c r="H9" s="528"/>
    </row>
    <row r="10" spans="1:8">
      <c r="C10" s="116"/>
      <c r="D10" s="117"/>
      <c r="E10" s="398"/>
      <c r="F10" s="335">
        <v>2</v>
      </c>
      <c r="G10" s="118" t="s">
        <v>849</v>
      </c>
      <c r="H10" s="528" t="s">
        <v>183</v>
      </c>
    </row>
    <row r="11" spans="1:8" ht="14.25">
      <c r="A11" s="103"/>
      <c r="B11" s="103"/>
      <c r="C11" s="119"/>
      <c r="D11" s="120"/>
      <c r="E11" s="399"/>
      <c r="F11" s="121"/>
      <c r="G11" s="122" t="s">
        <v>20</v>
      </c>
      <c r="H11" s="528"/>
    </row>
    <row r="12" spans="1:8">
      <c r="C12" s="116"/>
      <c r="D12" s="117"/>
      <c r="E12" s="318" t="s">
        <v>895</v>
      </c>
      <c r="F12" s="335">
        <v>3</v>
      </c>
      <c r="G12" s="118" t="s">
        <v>1203</v>
      </c>
      <c r="H12" s="14"/>
    </row>
    <row r="13" spans="1:8" ht="14.25">
      <c r="A13" s="103"/>
      <c r="B13" s="103"/>
      <c r="C13" s="119"/>
      <c r="D13" s="120"/>
      <c r="E13" s="123" t="s">
        <v>16</v>
      </c>
      <c r="F13" s="124"/>
      <c r="G13" s="122" t="s">
        <v>21</v>
      </c>
      <c r="H13" s="15"/>
    </row>
    <row r="14" spans="1:8">
      <c r="C14" s="116"/>
      <c r="D14" s="117"/>
      <c r="E14" s="318"/>
      <c r="F14" s="125"/>
      <c r="G14" s="126" t="s">
        <v>231</v>
      </c>
      <c r="H14" s="317" t="s">
        <v>183</v>
      </c>
    </row>
    <row r="15" spans="1:8">
      <c r="C15" s="116"/>
      <c r="D15" s="117"/>
      <c r="E15" s="318"/>
      <c r="F15" s="125"/>
      <c r="G15" s="126" t="s">
        <v>1204</v>
      </c>
      <c r="H15" s="317" t="s">
        <v>183</v>
      </c>
    </row>
    <row r="16" spans="1:8">
      <c r="C16" s="116"/>
      <c r="D16" s="117"/>
      <c r="E16" s="318"/>
      <c r="F16" s="125"/>
      <c r="G16" s="126" t="s">
        <v>1205</v>
      </c>
      <c r="H16" s="317" t="s">
        <v>183</v>
      </c>
    </row>
    <row r="17" spans="1:8">
      <c r="C17" s="116"/>
      <c r="D17" s="117"/>
      <c r="E17" s="318"/>
      <c r="F17" s="125"/>
      <c r="G17" s="126" t="s">
        <v>935</v>
      </c>
      <c r="H17" s="317" t="s">
        <v>183</v>
      </c>
    </row>
    <row r="18" spans="1:8">
      <c r="C18" s="112">
        <v>2</v>
      </c>
      <c r="D18" s="113" t="s">
        <v>1021</v>
      </c>
      <c r="E18" s="114"/>
      <c r="F18" s="115"/>
      <c r="G18" s="339"/>
      <c r="H18" s="16"/>
    </row>
    <row r="19" spans="1:8" ht="30.75" customHeight="1">
      <c r="C19" s="116"/>
      <c r="D19" s="117"/>
      <c r="E19" s="160" t="s">
        <v>1294</v>
      </c>
      <c r="F19" s="335">
        <v>1</v>
      </c>
      <c r="G19" s="118" t="s">
        <v>1022</v>
      </c>
      <c r="H19" s="528" t="s">
        <v>183</v>
      </c>
    </row>
    <row r="20" spans="1:8" ht="34.5" customHeight="1">
      <c r="A20" s="103"/>
      <c r="B20" s="103"/>
      <c r="C20" s="119"/>
      <c r="D20" s="120"/>
      <c r="E20" s="161" t="s">
        <v>15</v>
      </c>
      <c r="F20" s="121"/>
      <c r="G20" s="122" t="s">
        <v>232</v>
      </c>
      <c r="H20" s="528"/>
    </row>
    <row r="21" spans="1:8">
      <c r="C21" s="116"/>
      <c r="D21" s="117"/>
      <c r="E21" s="127" t="s">
        <v>233</v>
      </c>
      <c r="F21" s="335">
        <v>2</v>
      </c>
      <c r="G21" s="118" t="s">
        <v>936</v>
      </c>
      <c r="H21" s="528" t="s">
        <v>183</v>
      </c>
    </row>
    <row r="22" spans="1:8" ht="14.25">
      <c r="A22" s="103"/>
      <c r="B22" s="103"/>
      <c r="C22" s="119"/>
      <c r="D22" s="120"/>
      <c r="E22" s="123" t="s">
        <v>16</v>
      </c>
      <c r="F22" s="124"/>
      <c r="G22" s="128" t="s">
        <v>37</v>
      </c>
      <c r="H22" s="528"/>
    </row>
    <row r="23" spans="1:8">
      <c r="C23" s="112">
        <v>3</v>
      </c>
      <c r="D23" s="113" t="s">
        <v>850</v>
      </c>
      <c r="E23" s="114"/>
      <c r="F23" s="115"/>
      <c r="G23" s="339"/>
      <c r="H23" s="129"/>
    </row>
    <row r="24" spans="1:8">
      <c r="C24" s="116"/>
      <c r="D24" s="117"/>
      <c r="E24" s="160" t="s">
        <v>313</v>
      </c>
      <c r="F24" s="335">
        <v>1</v>
      </c>
      <c r="G24" s="118" t="s">
        <v>937</v>
      </c>
      <c r="H24" s="528" t="s">
        <v>183</v>
      </c>
    </row>
    <row r="25" spans="1:8" ht="14.25">
      <c r="A25" s="103"/>
      <c r="B25" s="103"/>
      <c r="C25" s="119"/>
      <c r="D25" s="120"/>
      <c r="E25" s="161" t="s">
        <v>15</v>
      </c>
      <c r="F25" s="121"/>
      <c r="G25" s="122" t="s">
        <v>38</v>
      </c>
      <c r="H25" s="528"/>
    </row>
    <row r="26" spans="1:8">
      <c r="C26" s="116"/>
      <c r="D26" s="117"/>
      <c r="E26" s="127" t="s">
        <v>233</v>
      </c>
      <c r="F26" s="335">
        <v>2</v>
      </c>
      <c r="G26" s="118" t="s">
        <v>879</v>
      </c>
      <c r="H26" s="528" t="s">
        <v>183</v>
      </c>
    </row>
    <row r="27" spans="1:8" ht="14.25">
      <c r="A27" s="103"/>
      <c r="B27" s="103"/>
      <c r="C27" s="119"/>
      <c r="D27" s="120"/>
      <c r="E27" s="123" t="s">
        <v>16</v>
      </c>
      <c r="F27" s="124"/>
      <c r="G27" s="128" t="s">
        <v>22</v>
      </c>
      <c r="H27" s="528"/>
    </row>
    <row r="28" spans="1:8">
      <c r="C28" s="112">
        <v>4</v>
      </c>
      <c r="D28" s="113" t="s">
        <v>938</v>
      </c>
      <c r="E28" s="114"/>
      <c r="F28" s="115"/>
      <c r="G28" s="339"/>
      <c r="H28" s="16"/>
    </row>
    <row r="29" spans="1:8" ht="28.5">
      <c r="C29" s="116"/>
      <c r="D29" s="117"/>
      <c r="E29" s="160" t="s">
        <v>313</v>
      </c>
      <c r="F29" s="335">
        <v>1</v>
      </c>
      <c r="G29" s="118" t="s">
        <v>1023</v>
      </c>
      <c r="H29" s="528" t="s">
        <v>183</v>
      </c>
    </row>
    <row r="30" spans="1:8" ht="24">
      <c r="A30" s="103"/>
      <c r="B30" s="103"/>
      <c r="C30" s="119"/>
      <c r="D30" s="120"/>
      <c r="E30" s="161" t="s">
        <v>15</v>
      </c>
      <c r="F30" s="121"/>
      <c r="G30" s="122" t="s">
        <v>117</v>
      </c>
      <c r="H30" s="528"/>
    </row>
    <row r="31" spans="1:8">
      <c r="C31" s="116"/>
      <c r="D31" s="117"/>
      <c r="E31" s="127" t="s">
        <v>233</v>
      </c>
      <c r="F31" s="335">
        <v>2</v>
      </c>
      <c r="G31" s="118" t="s">
        <v>1024</v>
      </c>
      <c r="H31" s="528" t="s">
        <v>183</v>
      </c>
    </row>
    <row r="32" spans="1:8" ht="14.25">
      <c r="A32" s="103"/>
      <c r="B32" s="103"/>
      <c r="C32" s="119"/>
      <c r="D32" s="120"/>
      <c r="E32" s="123" t="s">
        <v>16</v>
      </c>
      <c r="F32" s="124"/>
      <c r="G32" s="128" t="s">
        <v>23</v>
      </c>
      <c r="H32" s="528"/>
    </row>
    <row r="33" spans="1:8">
      <c r="C33" s="112">
        <v>5</v>
      </c>
      <c r="D33" s="113" t="s">
        <v>939</v>
      </c>
      <c r="E33" s="114"/>
      <c r="F33" s="115"/>
      <c r="G33" s="339"/>
      <c r="H33" s="16"/>
    </row>
    <row r="34" spans="1:8">
      <c r="C34" s="116"/>
      <c r="D34" s="117"/>
      <c r="E34" s="160" t="s">
        <v>313</v>
      </c>
      <c r="F34" s="335">
        <v>1</v>
      </c>
      <c r="G34" s="118" t="s">
        <v>1025</v>
      </c>
      <c r="H34" s="528" t="s">
        <v>183</v>
      </c>
    </row>
    <row r="35" spans="1:8" ht="14.25">
      <c r="A35" s="103"/>
      <c r="B35" s="103"/>
      <c r="C35" s="119"/>
      <c r="D35" s="120"/>
      <c r="E35" s="161" t="s">
        <v>15</v>
      </c>
      <c r="F35" s="121"/>
      <c r="G35" s="122" t="s">
        <v>111</v>
      </c>
      <c r="H35" s="528"/>
    </row>
    <row r="36" spans="1:8">
      <c r="C36" s="116"/>
      <c r="D36" s="117"/>
      <c r="E36" s="127" t="s">
        <v>233</v>
      </c>
      <c r="F36" s="335">
        <v>2</v>
      </c>
      <c r="G36" s="118" t="s">
        <v>940</v>
      </c>
      <c r="H36" s="528" t="s">
        <v>183</v>
      </c>
    </row>
    <row r="37" spans="1:8" ht="14.25">
      <c r="A37" s="103"/>
      <c r="B37" s="103"/>
      <c r="C37" s="119"/>
      <c r="D37" s="120"/>
      <c r="E37" s="123" t="s">
        <v>16</v>
      </c>
      <c r="F37" s="121"/>
      <c r="G37" s="122" t="s">
        <v>296</v>
      </c>
      <c r="H37" s="528"/>
    </row>
    <row r="38" spans="1:8">
      <c r="C38" s="116"/>
      <c r="D38" s="117"/>
      <c r="E38" s="318"/>
      <c r="F38" s="335">
        <v>3</v>
      </c>
      <c r="G38" s="118" t="s">
        <v>234</v>
      </c>
      <c r="H38" s="528" t="s">
        <v>183</v>
      </c>
    </row>
    <row r="39" spans="1:8" ht="14.25">
      <c r="A39" s="103"/>
      <c r="B39" s="103"/>
      <c r="C39" s="119"/>
      <c r="D39" s="120"/>
      <c r="E39" s="123"/>
      <c r="F39" s="124"/>
      <c r="G39" s="128" t="s">
        <v>24</v>
      </c>
      <c r="H39" s="528"/>
    </row>
    <row r="40" spans="1:8">
      <c r="C40" s="112">
        <v>6</v>
      </c>
      <c r="D40" s="113" t="s">
        <v>1026</v>
      </c>
      <c r="E40" s="114"/>
      <c r="F40" s="115"/>
      <c r="G40" s="339"/>
      <c r="H40" s="16"/>
    </row>
    <row r="41" spans="1:8">
      <c r="C41" s="116"/>
      <c r="D41" s="117"/>
      <c r="E41" s="160" t="s">
        <v>313</v>
      </c>
      <c r="F41" s="335">
        <v>1</v>
      </c>
      <c r="G41" s="118" t="s">
        <v>941</v>
      </c>
      <c r="H41" s="528" t="s">
        <v>183</v>
      </c>
    </row>
    <row r="42" spans="1:8" ht="14.25">
      <c r="A42" s="103"/>
      <c r="B42" s="103"/>
      <c r="C42" s="119"/>
      <c r="D42" s="120"/>
      <c r="E42" s="161" t="s">
        <v>15</v>
      </c>
      <c r="F42" s="121"/>
      <c r="G42" s="122" t="s">
        <v>112</v>
      </c>
      <c r="H42" s="528"/>
    </row>
    <row r="43" spans="1:8">
      <c r="C43" s="116"/>
      <c r="D43" s="117"/>
      <c r="E43" s="127" t="s">
        <v>233</v>
      </c>
      <c r="F43" s="335">
        <v>2</v>
      </c>
      <c r="G43" s="118" t="s">
        <v>235</v>
      </c>
      <c r="H43" s="528" t="s">
        <v>183</v>
      </c>
    </row>
    <row r="44" spans="1:8" ht="14.25">
      <c r="A44" s="103"/>
      <c r="B44" s="103"/>
      <c r="C44" s="119"/>
      <c r="D44" s="120"/>
      <c r="E44" s="123" t="s">
        <v>16</v>
      </c>
      <c r="F44" s="121"/>
      <c r="G44" s="122" t="s">
        <v>39</v>
      </c>
      <c r="H44" s="528"/>
    </row>
    <row r="45" spans="1:8">
      <c r="C45" s="116"/>
      <c r="D45" s="117"/>
      <c r="E45" s="318"/>
      <c r="F45" s="335">
        <v>3</v>
      </c>
      <c r="G45" s="118" t="s">
        <v>236</v>
      </c>
      <c r="H45" s="528" t="s">
        <v>183</v>
      </c>
    </row>
    <row r="46" spans="1:8" ht="14.25">
      <c r="A46" s="103"/>
      <c r="B46" s="103"/>
      <c r="C46" s="119"/>
      <c r="D46" s="120"/>
      <c r="E46" s="123"/>
      <c r="F46" s="121"/>
      <c r="G46" s="122" t="s">
        <v>40</v>
      </c>
      <c r="H46" s="528"/>
    </row>
    <row r="47" spans="1:8">
      <c r="C47" s="116"/>
      <c r="D47" s="117"/>
      <c r="E47" s="318"/>
      <c r="F47" s="335">
        <v>4</v>
      </c>
      <c r="G47" s="118" t="s">
        <v>237</v>
      </c>
      <c r="H47" s="528" t="s">
        <v>183</v>
      </c>
    </row>
    <row r="48" spans="1:8" ht="14.25">
      <c r="A48" s="103"/>
      <c r="B48" s="103"/>
      <c r="C48" s="119"/>
      <c r="D48" s="120"/>
      <c r="E48" s="123"/>
      <c r="F48" s="124"/>
      <c r="G48" s="128" t="s">
        <v>41</v>
      </c>
      <c r="H48" s="528"/>
    </row>
    <row r="49" spans="1:8">
      <c r="C49" s="112">
        <v>7</v>
      </c>
      <c r="D49" s="113" t="s">
        <v>851</v>
      </c>
      <c r="E49" s="114"/>
      <c r="F49" s="115"/>
      <c r="G49" s="339"/>
      <c r="H49" s="129"/>
    </row>
    <row r="50" spans="1:8">
      <c r="C50" s="116"/>
      <c r="D50" s="117"/>
      <c r="E50" s="160" t="s">
        <v>313</v>
      </c>
      <c r="F50" s="335">
        <v>1</v>
      </c>
      <c r="G50" s="118" t="s">
        <v>852</v>
      </c>
      <c r="H50" s="528" t="s">
        <v>183</v>
      </c>
    </row>
    <row r="51" spans="1:8" ht="14.25">
      <c r="A51" s="103"/>
      <c r="B51" s="103"/>
      <c r="C51" s="119"/>
      <c r="D51" s="120"/>
      <c r="E51" s="161" t="s">
        <v>15</v>
      </c>
      <c r="F51" s="121"/>
      <c r="G51" s="122" t="s">
        <v>25</v>
      </c>
      <c r="H51" s="528"/>
    </row>
    <row r="52" spans="1:8">
      <c r="C52" s="116"/>
      <c r="D52" s="117"/>
      <c r="E52" s="127" t="s">
        <v>233</v>
      </c>
      <c r="F52" s="335">
        <v>2</v>
      </c>
      <c r="G52" s="118" t="s">
        <v>942</v>
      </c>
      <c r="H52" s="528" t="s">
        <v>183</v>
      </c>
    </row>
    <row r="53" spans="1:8" ht="14.25">
      <c r="A53" s="103"/>
      <c r="B53" s="103"/>
      <c r="C53" s="119"/>
      <c r="D53" s="120"/>
      <c r="E53" s="123" t="s">
        <v>16</v>
      </c>
      <c r="F53" s="124"/>
      <c r="G53" s="128" t="s">
        <v>26</v>
      </c>
      <c r="H53" s="528"/>
    </row>
    <row r="54" spans="1:8">
      <c r="C54" s="112">
        <v>8</v>
      </c>
      <c r="D54" s="113" t="s">
        <v>943</v>
      </c>
      <c r="E54" s="114"/>
      <c r="F54" s="115"/>
      <c r="G54" s="339"/>
      <c r="H54" s="16"/>
    </row>
    <row r="55" spans="1:8">
      <c r="C55" s="116"/>
      <c r="D55" s="117"/>
      <c r="E55" s="160" t="s">
        <v>313</v>
      </c>
      <c r="F55" s="335">
        <v>1</v>
      </c>
      <c r="G55" s="118" t="s">
        <v>853</v>
      </c>
      <c r="H55" s="528" t="s">
        <v>183</v>
      </c>
    </row>
    <row r="56" spans="1:8" ht="14.25">
      <c r="A56" s="103"/>
      <c r="B56" s="103"/>
      <c r="C56" s="119"/>
      <c r="D56" s="120"/>
      <c r="E56" s="162" t="s">
        <v>15</v>
      </c>
      <c r="F56" s="121"/>
      <c r="G56" s="122" t="s">
        <v>27</v>
      </c>
      <c r="H56" s="528"/>
    </row>
    <row r="57" spans="1:8">
      <c r="C57" s="116"/>
      <c r="D57" s="117"/>
      <c r="E57" s="398"/>
      <c r="F57" s="335">
        <v>2</v>
      </c>
      <c r="G57" s="118" t="s">
        <v>315</v>
      </c>
      <c r="H57" s="528" t="s">
        <v>183</v>
      </c>
    </row>
    <row r="58" spans="1:8" ht="24">
      <c r="A58" s="103"/>
      <c r="B58" s="103"/>
      <c r="C58" s="119"/>
      <c r="D58" s="120"/>
      <c r="E58" s="399"/>
      <c r="F58" s="121"/>
      <c r="G58" s="122" t="s">
        <v>110</v>
      </c>
      <c r="H58" s="528"/>
    </row>
    <row r="59" spans="1:8">
      <c r="C59" s="116"/>
      <c r="D59" s="117"/>
      <c r="E59" s="127" t="s">
        <v>233</v>
      </c>
      <c r="F59" s="335">
        <v>3</v>
      </c>
      <c r="G59" s="118" t="s">
        <v>854</v>
      </c>
      <c r="H59" s="528" t="s">
        <v>183</v>
      </c>
    </row>
    <row r="60" spans="1:8" ht="14.25">
      <c r="A60" s="103"/>
      <c r="B60" s="103"/>
      <c r="C60" s="119"/>
      <c r="D60" s="120"/>
      <c r="E60" s="123" t="s">
        <v>16</v>
      </c>
      <c r="F60" s="124"/>
      <c r="G60" s="128" t="s">
        <v>113</v>
      </c>
      <c r="H60" s="528"/>
    </row>
    <row r="61" spans="1:8">
      <c r="C61" s="112">
        <v>9</v>
      </c>
      <c r="D61" s="113" t="s">
        <v>944</v>
      </c>
      <c r="E61" s="114"/>
      <c r="F61" s="115"/>
      <c r="G61" s="339"/>
      <c r="H61" s="129"/>
    </row>
    <row r="62" spans="1:8">
      <c r="C62" s="116"/>
      <c r="D62" s="117"/>
      <c r="E62" s="127" t="s">
        <v>233</v>
      </c>
      <c r="F62" s="335">
        <v>1</v>
      </c>
      <c r="G62" s="118" t="s">
        <v>238</v>
      </c>
      <c r="H62" s="528" t="s">
        <v>183</v>
      </c>
    </row>
    <row r="63" spans="1:8" ht="14.25">
      <c r="A63" s="103"/>
      <c r="B63" s="103"/>
      <c r="C63" s="119"/>
      <c r="D63" s="120"/>
      <c r="E63" s="123" t="s">
        <v>16</v>
      </c>
      <c r="F63" s="121"/>
      <c r="G63" s="122" t="s">
        <v>42</v>
      </c>
      <c r="H63" s="528"/>
    </row>
    <row r="64" spans="1:8">
      <c r="C64" s="116"/>
      <c r="D64" s="117"/>
      <c r="E64" s="318"/>
      <c r="F64" s="335">
        <v>2</v>
      </c>
      <c r="G64" s="118" t="s">
        <v>239</v>
      </c>
      <c r="H64" s="528" t="s">
        <v>183</v>
      </c>
    </row>
    <row r="65" spans="1:9" ht="14.25">
      <c r="A65" s="103"/>
      <c r="B65" s="103"/>
      <c r="C65" s="119"/>
      <c r="D65" s="120"/>
      <c r="E65" s="123"/>
      <c r="F65" s="124"/>
      <c r="G65" s="128" t="s">
        <v>28</v>
      </c>
      <c r="H65" s="528"/>
    </row>
    <row r="66" spans="1:9">
      <c r="C66" s="112">
        <v>10</v>
      </c>
      <c r="D66" s="113" t="s">
        <v>945</v>
      </c>
      <c r="E66" s="114"/>
      <c r="F66" s="115"/>
      <c r="G66" s="339"/>
      <c r="H66" s="16"/>
    </row>
    <row r="67" spans="1:9">
      <c r="C67" s="116"/>
      <c r="D67" s="117"/>
      <c r="E67" s="160" t="s">
        <v>265</v>
      </c>
      <c r="F67" s="335">
        <v>1</v>
      </c>
      <c r="G67" s="118" t="s">
        <v>240</v>
      </c>
      <c r="H67" s="528" t="s">
        <v>183</v>
      </c>
    </row>
    <row r="68" spans="1:9" ht="14.25">
      <c r="A68" s="103"/>
      <c r="B68" s="103"/>
      <c r="C68" s="119"/>
      <c r="D68" s="120"/>
      <c r="E68" s="161" t="s">
        <v>15</v>
      </c>
      <c r="F68" s="121"/>
      <c r="G68" s="122" t="s">
        <v>29</v>
      </c>
      <c r="H68" s="528"/>
    </row>
    <row r="69" spans="1:9">
      <c r="C69" s="116"/>
      <c r="D69" s="117"/>
      <c r="E69" s="127" t="s">
        <v>233</v>
      </c>
      <c r="F69" s="335">
        <v>2</v>
      </c>
      <c r="G69" s="118" t="s">
        <v>241</v>
      </c>
      <c r="H69" s="528" t="s">
        <v>183</v>
      </c>
    </row>
    <row r="70" spans="1:9" ht="14.25">
      <c r="A70" s="103"/>
      <c r="B70" s="103"/>
      <c r="C70" s="130"/>
      <c r="D70" s="131"/>
      <c r="E70" s="132" t="s">
        <v>16</v>
      </c>
      <c r="F70" s="121"/>
      <c r="G70" s="122" t="s">
        <v>22</v>
      </c>
      <c r="H70" s="528"/>
    </row>
    <row r="71" spans="1:9" ht="14.25">
      <c r="A71" s="103"/>
      <c r="B71" s="103"/>
      <c r="C71" s="104"/>
      <c r="D71" s="105"/>
      <c r="E71" s="104"/>
      <c r="F71" s="106"/>
      <c r="G71" s="107"/>
      <c r="H71" s="5" t="s">
        <v>925</v>
      </c>
    </row>
    <row r="72" spans="1:9" ht="14.25">
      <c r="A72" s="103"/>
      <c r="B72" s="103"/>
      <c r="C72" s="104"/>
      <c r="D72" s="105"/>
      <c r="E72" s="104"/>
      <c r="F72" s="106"/>
      <c r="G72" s="107"/>
      <c r="H72" s="5"/>
    </row>
    <row r="73" spans="1:9" ht="14.25">
      <c r="A73" s="103"/>
      <c r="B73" s="103"/>
      <c r="C73" s="104"/>
      <c r="D73" s="105"/>
      <c r="E73" s="104"/>
      <c r="F73" s="106"/>
      <c r="G73" s="107"/>
      <c r="H73" s="5"/>
    </row>
    <row r="74" spans="1:9" ht="14.25">
      <c r="A74" s="103"/>
      <c r="B74" s="103"/>
      <c r="C74" s="104"/>
      <c r="D74" s="105"/>
      <c r="E74" s="104"/>
      <c r="F74" s="106"/>
      <c r="G74" s="107"/>
      <c r="H74" s="5"/>
    </row>
    <row r="75" spans="1:9" ht="14.25">
      <c r="A75" s="103"/>
      <c r="B75" s="103"/>
      <c r="C75" s="104"/>
      <c r="D75" s="105"/>
      <c r="E75" s="104"/>
      <c r="F75" s="106"/>
      <c r="G75" s="107"/>
      <c r="H75" s="5"/>
    </row>
    <row r="76" spans="1:9" ht="14.25">
      <c r="A76" s="103"/>
      <c r="B76" s="103"/>
      <c r="C76" s="104"/>
      <c r="D76" s="105"/>
      <c r="E76" s="104"/>
      <c r="F76" s="106"/>
      <c r="G76" s="107"/>
      <c r="H76" s="5"/>
    </row>
    <row r="77" spans="1:9" ht="14.25">
      <c r="A77" s="103"/>
      <c r="B77" s="103"/>
      <c r="C77" s="104"/>
      <c r="D77" s="105"/>
      <c r="E77" s="104"/>
      <c r="F77" s="106"/>
      <c r="G77" s="107"/>
      <c r="H77" s="5"/>
    </row>
    <row r="78" spans="1:9" ht="14.25">
      <c r="A78" s="103"/>
      <c r="B78" s="103"/>
      <c r="C78" s="104"/>
      <c r="D78" s="105"/>
      <c r="E78" s="104"/>
      <c r="F78" s="106"/>
      <c r="G78" s="107"/>
      <c r="H78" s="5"/>
    </row>
    <row r="79" spans="1:9" ht="14.25">
      <c r="A79" s="524" t="s">
        <v>140</v>
      </c>
      <c r="B79" s="524"/>
      <c r="C79" s="524"/>
      <c r="D79" s="524"/>
      <c r="E79" s="524"/>
      <c r="F79" s="524"/>
      <c r="G79" s="524"/>
      <c r="H79" s="524"/>
      <c r="I79" s="524"/>
    </row>
    <row r="80" spans="1:9" ht="14.25">
      <c r="A80" s="103"/>
      <c r="B80" s="133" t="s">
        <v>946</v>
      </c>
      <c r="C80" s="104"/>
      <c r="D80" s="105"/>
      <c r="E80" s="104"/>
      <c r="F80" s="106"/>
      <c r="G80" s="107"/>
      <c r="H80" s="17"/>
    </row>
    <row r="81" spans="1:8" ht="26.25" thickBot="1">
      <c r="C81" s="529" t="s">
        <v>855</v>
      </c>
      <c r="D81" s="530"/>
      <c r="E81" s="531"/>
      <c r="F81" s="110" t="s">
        <v>17</v>
      </c>
      <c r="G81" s="111" t="s">
        <v>947</v>
      </c>
      <c r="H81" s="13" t="s">
        <v>856</v>
      </c>
    </row>
    <row r="82" spans="1:8" ht="16.5" thickTop="1">
      <c r="C82" s="112">
        <v>11</v>
      </c>
      <c r="D82" s="113" t="s">
        <v>857</v>
      </c>
      <c r="E82" s="114"/>
      <c r="F82" s="115"/>
      <c r="G82" s="339"/>
      <c r="H82" s="16"/>
    </row>
    <row r="83" spans="1:8">
      <c r="C83" s="116"/>
      <c r="D83" s="117"/>
      <c r="E83" s="160" t="s">
        <v>265</v>
      </c>
      <c r="F83" s="335">
        <v>1</v>
      </c>
      <c r="G83" s="118" t="s">
        <v>858</v>
      </c>
      <c r="H83" s="317" t="s">
        <v>183</v>
      </c>
    </row>
    <row r="84" spans="1:8">
      <c r="C84" s="116"/>
      <c r="D84" s="117"/>
      <c r="E84" s="162" t="s">
        <v>15</v>
      </c>
      <c r="F84" s="335">
        <v>2</v>
      </c>
      <c r="G84" s="118" t="s">
        <v>1027</v>
      </c>
      <c r="H84" s="317" t="s">
        <v>183</v>
      </c>
    </row>
    <row r="85" spans="1:8">
      <c r="C85" s="116"/>
      <c r="D85" s="117"/>
      <c r="E85" s="127" t="s">
        <v>233</v>
      </c>
      <c r="F85" s="335">
        <v>3</v>
      </c>
      <c r="G85" s="118" t="s">
        <v>243</v>
      </c>
      <c r="H85" s="528" t="s">
        <v>183</v>
      </c>
    </row>
    <row r="86" spans="1:8" ht="14.25">
      <c r="A86" s="103"/>
      <c r="B86" s="103"/>
      <c r="C86" s="119"/>
      <c r="D86" s="120"/>
      <c r="E86" s="123" t="s">
        <v>16</v>
      </c>
      <c r="F86" s="121"/>
      <c r="G86" s="122" t="s">
        <v>43</v>
      </c>
      <c r="H86" s="528"/>
    </row>
    <row r="87" spans="1:8">
      <c r="C87" s="116"/>
      <c r="D87" s="117"/>
      <c r="E87" s="318"/>
      <c r="F87" s="335">
        <v>4</v>
      </c>
      <c r="G87" s="118" t="s">
        <v>316</v>
      </c>
      <c r="H87" s="14"/>
    </row>
    <row r="88" spans="1:8">
      <c r="C88" s="116"/>
      <c r="D88" s="117"/>
      <c r="E88" s="318"/>
      <c r="F88" s="125"/>
      <c r="G88" s="126" t="s">
        <v>859</v>
      </c>
      <c r="H88" s="317" t="s">
        <v>183</v>
      </c>
    </row>
    <row r="89" spans="1:8">
      <c r="C89" s="116"/>
      <c r="D89" s="117"/>
      <c r="E89" s="318"/>
      <c r="F89" s="125"/>
      <c r="G89" s="126" t="s">
        <v>860</v>
      </c>
      <c r="H89" s="317" t="s">
        <v>183</v>
      </c>
    </row>
    <row r="90" spans="1:8">
      <c r="C90" s="116"/>
      <c r="D90" s="117"/>
      <c r="E90" s="318"/>
      <c r="F90" s="125"/>
      <c r="G90" s="126" t="s">
        <v>861</v>
      </c>
      <c r="H90" s="317" t="s">
        <v>183</v>
      </c>
    </row>
    <row r="91" spans="1:8">
      <c r="C91" s="116"/>
      <c r="D91" s="117"/>
      <c r="E91" s="318"/>
      <c r="F91" s="125"/>
      <c r="G91" s="126" t="s">
        <v>948</v>
      </c>
      <c r="H91" s="317" t="s">
        <v>183</v>
      </c>
    </row>
    <row r="92" spans="1:8">
      <c r="C92" s="116"/>
      <c r="D92" s="117"/>
      <c r="E92" s="318"/>
      <c r="F92" s="125"/>
      <c r="G92" s="126" t="s">
        <v>949</v>
      </c>
      <c r="H92" s="317" t="s">
        <v>183</v>
      </c>
    </row>
    <row r="93" spans="1:8">
      <c r="C93" s="112">
        <v>12</v>
      </c>
      <c r="D93" s="113" t="s">
        <v>1028</v>
      </c>
      <c r="E93" s="114"/>
      <c r="F93" s="115"/>
      <c r="G93" s="339"/>
      <c r="H93" s="16"/>
    </row>
    <row r="94" spans="1:8" ht="25.5">
      <c r="C94" s="116"/>
      <c r="D94" s="117"/>
      <c r="E94" s="176" t="s">
        <v>317</v>
      </c>
      <c r="F94" s="335">
        <v>1</v>
      </c>
      <c r="G94" s="118" t="s">
        <v>862</v>
      </c>
      <c r="H94" s="317" t="s">
        <v>183</v>
      </c>
    </row>
    <row r="95" spans="1:8">
      <c r="C95" s="116"/>
      <c r="D95" s="117"/>
      <c r="E95" s="127" t="s">
        <v>233</v>
      </c>
      <c r="F95" s="335">
        <v>2</v>
      </c>
      <c r="G95" s="118" t="s">
        <v>863</v>
      </c>
      <c r="H95" s="18"/>
    </row>
    <row r="96" spans="1:8">
      <c r="C96" s="116"/>
      <c r="D96" s="117"/>
      <c r="E96" s="123" t="s">
        <v>16</v>
      </c>
      <c r="F96" s="125"/>
      <c r="G96" s="126" t="s">
        <v>864</v>
      </c>
      <c r="H96" s="317" t="s">
        <v>183</v>
      </c>
    </row>
    <row r="97" spans="1:8">
      <c r="C97" s="116"/>
      <c r="D97" s="117"/>
      <c r="E97" s="318"/>
      <c r="F97" s="125"/>
      <c r="G97" s="126" t="s">
        <v>865</v>
      </c>
      <c r="H97" s="317" t="s">
        <v>183</v>
      </c>
    </row>
    <row r="98" spans="1:8">
      <c r="C98" s="116"/>
      <c r="D98" s="117"/>
      <c r="E98" s="318"/>
      <c r="F98" s="125"/>
      <c r="G98" s="126" t="s">
        <v>867</v>
      </c>
      <c r="H98" s="317" t="s">
        <v>183</v>
      </c>
    </row>
    <row r="99" spans="1:8">
      <c r="C99" s="112">
        <v>13</v>
      </c>
      <c r="D99" s="113" t="s">
        <v>866</v>
      </c>
      <c r="E99" s="114"/>
      <c r="F99" s="115"/>
      <c r="G99" s="339"/>
      <c r="H99" s="16"/>
    </row>
    <row r="100" spans="1:8" ht="25.5">
      <c r="C100" s="116"/>
      <c r="D100" s="117"/>
      <c r="E100" s="176" t="s">
        <v>317</v>
      </c>
      <c r="F100" s="335">
        <v>1</v>
      </c>
      <c r="G100" s="118" t="s">
        <v>862</v>
      </c>
      <c r="H100" s="316" t="s">
        <v>183</v>
      </c>
    </row>
    <row r="101" spans="1:8">
      <c r="C101" s="116"/>
      <c r="D101" s="117"/>
      <c r="E101" s="127" t="s">
        <v>233</v>
      </c>
      <c r="F101" s="335">
        <v>2</v>
      </c>
      <c r="G101" s="118" t="s">
        <v>863</v>
      </c>
      <c r="H101" s="18"/>
    </row>
    <row r="102" spans="1:8">
      <c r="C102" s="116"/>
      <c r="D102" s="117"/>
      <c r="E102" s="123" t="s">
        <v>16</v>
      </c>
      <c r="F102" s="125"/>
      <c r="G102" s="126" t="s">
        <v>1029</v>
      </c>
      <c r="H102" s="317" t="s">
        <v>183</v>
      </c>
    </row>
    <row r="103" spans="1:8">
      <c r="C103" s="116"/>
      <c r="D103" s="117"/>
      <c r="E103" s="318"/>
      <c r="F103" s="125"/>
      <c r="G103" s="126" t="s">
        <v>865</v>
      </c>
      <c r="H103" s="317" t="s">
        <v>183</v>
      </c>
    </row>
    <row r="104" spans="1:8">
      <c r="C104" s="116"/>
      <c r="D104" s="117"/>
      <c r="E104" s="318"/>
      <c r="F104" s="125"/>
      <c r="G104" s="126" t="s">
        <v>867</v>
      </c>
      <c r="H104" s="317" t="s">
        <v>183</v>
      </c>
    </row>
    <row r="105" spans="1:8">
      <c r="C105" s="116"/>
      <c r="D105" s="117"/>
      <c r="E105" s="318"/>
      <c r="F105" s="125"/>
      <c r="G105" s="126" t="s">
        <v>868</v>
      </c>
      <c r="H105" s="317" t="s">
        <v>183</v>
      </c>
    </row>
    <row r="106" spans="1:8">
      <c r="C106" s="112">
        <v>14</v>
      </c>
      <c r="D106" s="113" t="s">
        <v>869</v>
      </c>
      <c r="E106" s="114"/>
      <c r="F106" s="115"/>
      <c r="G106" s="339"/>
      <c r="H106" s="16"/>
    </row>
    <row r="107" spans="1:8">
      <c r="C107" s="116"/>
      <c r="D107" s="117"/>
      <c r="E107" s="160" t="s">
        <v>265</v>
      </c>
      <c r="F107" s="335">
        <v>1</v>
      </c>
      <c r="G107" s="118" t="s">
        <v>870</v>
      </c>
      <c r="H107" s="528" t="s">
        <v>183</v>
      </c>
    </row>
    <row r="108" spans="1:8" ht="14.25">
      <c r="A108" s="103"/>
      <c r="B108" s="103"/>
      <c r="C108" s="119"/>
      <c r="D108" s="120"/>
      <c r="E108" s="161" t="s">
        <v>15</v>
      </c>
      <c r="F108" s="121"/>
      <c r="G108" s="122" t="s">
        <v>118</v>
      </c>
      <c r="H108" s="528"/>
    </row>
    <row r="109" spans="1:8" ht="25.5">
      <c r="C109" s="116"/>
      <c r="D109" s="117"/>
      <c r="E109" s="341" t="s">
        <v>871</v>
      </c>
      <c r="F109" s="335">
        <v>2</v>
      </c>
      <c r="G109" s="118" t="s">
        <v>881</v>
      </c>
      <c r="H109" s="317" t="s">
        <v>183</v>
      </c>
    </row>
    <row r="110" spans="1:8">
      <c r="C110" s="112">
        <v>15</v>
      </c>
      <c r="D110" s="113" t="s">
        <v>872</v>
      </c>
      <c r="E110" s="114"/>
      <c r="F110" s="115"/>
      <c r="G110" s="339"/>
      <c r="H110" s="16"/>
    </row>
    <row r="111" spans="1:8" ht="25.5">
      <c r="C111" s="116"/>
      <c r="D111" s="117"/>
      <c r="E111" s="176" t="s">
        <v>317</v>
      </c>
      <c r="F111" s="335">
        <v>1</v>
      </c>
      <c r="G111" s="118" t="s">
        <v>873</v>
      </c>
      <c r="H111" s="317" t="s">
        <v>183</v>
      </c>
    </row>
    <row r="112" spans="1:8">
      <c r="C112" s="116"/>
      <c r="D112" s="117"/>
      <c r="E112" s="127" t="s">
        <v>233</v>
      </c>
      <c r="F112" s="335">
        <v>2</v>
      </c>
      <c r="G112" s="118" t="s">
        <v>874</v>
      </c>
      <c r="H112" s="528" t="s">
        <v>183</v>
      </c>
    </row>
    <row r="113" spans="1:8" ht="14.25">
      <c r="A113" s="103"/>
      <c r="B113" s="103"/>
      <c r="C113" s="119"/>
      <c r="D113" s="120"/>
      <c r="E113" s="123" t="s">
        <v>16</v>
      </c>
      <c r="F113" s="121"/>
      <c r="G113" s="122" t="s">
        <v>39</v>
      </c>
      <c r="H113" s="528"/>
    </row>
    <row r="114" spans="1:8">
      <c r="C114" s="116"/>
      <c r="D114" s="117"/>
      <c r="E114" s="318"/>
      <c r="F114" s="335">
        <v>3</v>
      </c>
      <c r="G114" s="118" t="s">
        <v>244</v>
      </c>
      <c r="H114" s="528" t="s">
        <v>183</v>
      </c>
    </row>
    <row r="115" spans="1:8" ht="14.25">
      <c r="A115" s="103"/>
      <c r="B115" s="103"/>
      <c r="C115" s="119"/>
      <c r="D115" s="120"/>
      <c r="E115" s="123"/>
      <c r="F115" s="121"/>
      <c r="G115" s="122" t="s">
        <v>40</v>
      </c>
      <c r="H115" s="528"/>
    </row>
    <row r="116" spans="1:8">
      <c r="C116" s="116"/>
      <c r="D116" s="117"/>
      <c r="E116" s="318"/>
      <c r="F116" s="335">
        <v>4</v>
      </c>
      <c r="G116" s="118" t="s">
        <v>245</v>
      </c>
      <c r="H116" s="528" t="s">
        <v>183</v>
      </c>
    </row>
    <row r="117" spans="1:8" ht="14.25">
      <c r="A117" s="103"/>
      <c r="B117" s="103"/>
      <c r="C117" s="119"/>
      <c r="D117" s="120"/>
      <c r="E117" s="123"/>
      <c r="F117" s="124"/>
      <c r="G117" s="128" t="s">
        <v>41</v>
      </c>
      <c r="H117" s="528"/>
    </row>
    <row r="118" spans="1:8">
      <c r="C118" s="112">
        <v>16</v>
      </c>
      <c r="D118" s="113" t="s">
        <v>875</v>
      </c>
      <c r="E118" s="114"/>
      <c r="F118" s="115"/>
      <c r="G118" s="339"/>
      <c r="H118" s="16"/>
    </row>
    <row r="119" spans="1:8" ht="25.5">
      <c r="C119" s="116"/>
      <c r="D119" s="117"/>
      <c r="E119" s="176" t="s">
        <v>317</v>
      </c>
      <c r="F119" s="335">
        <v>1</v>
      </c>
      <c r="G119" s="118" t="s">
        <v>862</v>
      </c>
      <c r="H119" s="317" t="s">
        <v>183</v>
      </c>
    </row>
    <row r="120" spans="1:8">
      <c r="C120" s="116"/>
      <c r="D120" s="117"/>
      <c r="E120" s="127" t="s">
        <v>233</v>
      </c>
      <c r="F120" s="335">
        <v>2</v>
      </c>
      <c r="G120" s="118" t="s">
        <v>246</v>
      </c>
      <c r="H120" s="525" t="s">
        <v>183</v>
      </c>
    </row>
    <row r="121" spans="1:8" ht="14.25">
      <c r="A121" s="103"/>
      <c r="B121" s="103"/>
      <c r="C121" s="119"/>
      <c r="D121" s="120"/>
      <c r="E121" s="123" t="s">
        <v>16</v>
      </c>
      <c r="F121" s="124"/>
      <c r="G121" s="122" t="s">
        <v>44</v>
      </c>
      <c r="H121" s="532"/>
    </row>
    <row r="122" spans="1:8">
      <c r="C122" s="116"/>
      <c r="D122" s="117"/>
      <c r="E122" s="318"/>
      <c r="F122" s="125"/>
      <c r="G122" s="134" t="s">
        <v>1030</v>
      </c>
      <c r="H122" s="532"/>
    </row>
    <row r="123" spans="1:8" ht="14.25">
      <c r="A123" s="103"/>
      <c r="B123" s="103"/>
      <c r="C123" s="119"/>
      <c r="D123" s="120"/>
      <c r="E123" s="123"/>
      <c r="F123" s="121"/>
      <c r="G123" s="135" t="s">
        <v>143</v>
      </c>
      <c r="H123" s="526"/>
    </row>
    <row r="124" spans="1:8">
      <c r="C124" s="112">
        <v>17</v>
      </c>
      <c r="D124" s="113" t="s">
        <v>950</v>
      </c>
      <c r="E124" s="114"/>
      <c r="F124" s="115"/>
      <c r="G124" s="339"/>
      <c r="H124" s="16"/>
    </row>
    <row r="125" spans="1:8">
      <c r="C125" s="116"/>
      <c r="D125" s="117"/>
      <c r="E125" s="160" t="s">
        <v>265</v>
      </c>
      <c r="F125" s="335">
        <v>1</v>
      </c>
      <c r="G125" s="118" t="s">
        <v>247</v>
      </c>
      <c r="H125" s="528" t="s">
        <v>183</v>
      </c>
    </row>
    <row r="126" spans="1:8" ht="14.25">
      <c r="A126" s="103"/>
      <c r="B126" s="103"/>
      <c r="C126" s="119"/>
      <c r="D126" s="120"/>
      <c r="E126" s="161" t="s">
        <v>15</v>
      </c>
      <c r="F126" s="121"/>
      <c r="G126" s="122" t="s">
        <v>45</v>
      </c>
      <c r="H126" s="528"/>
    </row>
    <row r="127" spans="1:8" ht="25.5">
      <c r="C127" s="116"/>
      <c r="D127" s="117"/>
      <c r="E127" s="341" t="s">
        <v>871</v>
      </c>
      <c r="F127" s="335">
        <v>2</v>
      </c>
      <c r="G127" s="118" t="s">
        <v>877</v>
      </c>
      <c r="H127" s="317" t="s">
        <v>183</v>
      </c>
    </row>
    <row r="128" spans="1:8">
      <c r="C128" s="112">
        <v>18</v>
      </c>
      <c r="D128" s="113" t="s">
        <v>878</v>
      </c>
      <c r="E128" s="114"/>
      <c r="F128" s="115"/>
      <c r="G128" s="339"/>
      <c r="H128" s="16"/>
    </row>
    <row r="129" spans="1:8">
      <c r="C129" s="116"/>
      <c r="D129" s="117"/>
      <c r="E129" s="160" t="s">
        <v>265</v>
      </c>
      <c r="F129" s="335">
        <v>1</v>
      </c>
      <c r="G129" s="118" t="s">
        <v>876</v>
      </c>
      <c r="H129" s="528" t="s">
        <v>183</v>
      </c>
    </row>
    <row r="130" spans="1:8" ht="14.25">
      <c r="A130" s="103"/>
      <c r="B130" s="103"/>
      <c r="C130" s="119"/>
      <c r="D130" s="120"/>
      <c r="E130" s="161" t="s">
        <v>15</v>
      </c>
      <c r="F130" s="121"/>
      <c r="G130" s="122" t="s">
        <v>45</v>
      </c>
      <c r="H130" s="528"/>
    </row>
    <row r="131" spans="1:8">
      <c r="C131" s="116"/>
      <c r="D131" s="117"/>
      <c r="E131" s="127" t="s">
        <v>233</v>
      </c>
      <c r="F131" s="335">
        <v>2</v>
      </c>
      <c r="G131" s="118" t="s">
        <v>879</v>
      </c>
      <c r="H131" s="528" t="s">
        <v>183</v>
      </c>
    </row>
    <row r="132" spans="1:8" ht="14.25">
      <c r="A132" s="103"/>
      <c r="B132" s="103"/>
      <c r="C132" s="119"/>
      <c r="D132" s="120"/>
      <c r="E132" s="123" t="s">
        <v>16</v>
      </c>
      <c r="F132" s="124"/>
      <c r="G132" s="128" t="s">
        <v>22</v>
      </c>
      <c r="H132" s="528"/>
    </row>
    <row r="133" spans="1:8">
      <c r="C133" s="112">
        <v>19</v>
      </c>
      <c r="D133" s="113" t="s">
        <v>880</v>
      </c>
      <c r="E133" s="114"/>
      <c r="F133" s="115"/>
      <c r="G133" s="339"/>
      <c r="H133" s="16"/>
    </row>
    <row r="134" spans="1:8">
      <c r="C134" s="116"/>
      <c r="D134" s="117"/>
      <c r="E134" s="160" t="s">
        <v>265</v>
      </c>
      <c r="F134" s="335">
        <v>1</v>
      </c>
      <c r="G134" s="118" t="s">
        <v>876</v>
      </c>
      <c r="H134" s="528" t="s">
        <v>183</v>
      </c>
    </row>
    <row r="135" spans="1:8" ht="14.25">
      <c r="A135" s="103"/>
      <c r="B135" s="103"/>
      <c r="C135" s="119"/>
      <c r="D135" s="120"/>
      <c r="E135" s="161" t="s">
        <v>15</v>
      </c>
      <c r="F135" s="121"/>
      <c r="G135" s="122" t="s">
        <v>45</v>
      </c>
      <c r="H135" s="528"/>
    </row>
    <row r="136" spans="1:8" ht="25.5">
      <c r="C136" s="116"/>
      <c r="D136" s="117"/>
      <c r="E136" s="341" t="s">
        <v>871</v>
      </c>
      <c r="F136" s="335">
        <v>2</v>
      </c>
      <c r="G136" s="118" t="s">
        <v>881</v>
      </c>
      <c r="H136" s="317" t="s">
        <v>183</v>
      </c>
    </row>
    <row r="137" spans="1:8">
      <c r="C137" s="112">
        <v>20</v>
      </c>
      <c r="D137" s="113" t="s">
        <v>882</v>
      </c>
      <c r="E137" s="114"/>
      <c r="F137" s="115"/>
      <c r="G137" s="339"/>
      <c r="H137" s="16"/>
    </row>
    <row r="138" spans="1:8">
      <c r="C138" s="116"/>
      <c r="D138" s="117"/>
      <c r="E138" s="160" t="s">
        <v>265</v>
      </c>
      <c r="F138" s="335">
        <v>1</v>
      </c>
      <c r="G138" s="118" t="s">
        <v>883</v>
      </c>
      <c r="H138" s="528" t="s">
        <v>183</v>
      </c>
    </row>
    <row r="139" spans="1:8" ht="24">
      <c r="A139" s="103"/>
      <c r="B139" s="103"/>
      <c r="C139" s="119"/>
      <c r="D139" s="120"/>
      <c r="E139" s="161" t="s">
        <v>15</v>
      </c>
      <c r="F139" s="121"/>
      <c r="G139" s="122" t="s">
        <v>109</v>
      </c>
      <c r="H139" s="528"/>
    </row>
    <row r="140" spans="1:8" ht="25.5">
      <c r="C140" s="116"/>
      <c r="D140" s="117"/>
      <c r="E140" s="341" t="s">
        <v>951</v>
      </c>
      <c r="F140" s="335">
        <v>2</v>
      </c>
      <c r="G140" s="118" t="s">
        <v>318</v>
      </c>
      <c r="H140" s="317" t="s">
        <v>183</v>
      </c>
    </row>
    <row r="141" spans="1:8" ht="14.25">
      <c r="A141" s="103"/>
      <c r="B141" s="103"/>
      <c r="C141" s="185">
        <v>21</v>
      </c>
      <c r="D141" s="186" t="s">
        <v>884</v>
      </c>
      <c r="E141" s="187"/>
      <c r="F141" s="115"/>
      <c r="G141" s="188"/>
      <c r="H141" s="16"/>
    </row>
    <row r="142" spans="1:8" ht="25.5">
      <c r="A142" s="103"/>
      <c r="B142" s="103"/>
      <c r="C142" s="400"/>
      <c r="D142" s="401"/>
      <c r="E142" s="176" t="s">
        <v>317</v>
      </c>
      <c r="F142" s="335">
        <v>1</v>
      </c>
      <c r="G142" s="189" t="s">
        <v>885</v>
      </c>
      <c r="H142" s="317"/>
    </row>
    <row r="143" spans="1:8" ht="14.25">
      <c r="A143" s="103"/>
      <c r="B143" s="103"/>
      <c r="C143" s="400"/>
      <c r="D143" s="401"/>
      <c r="E143" s="127" t="s">
        <v>895</v>
      </c>
      <c r="F143" s="335">
        <v>2</v>
      </c>
      <c r="G143" s="189" t="s">
        <v>952</v>
      </c>
      <c r="H143" s="317"/>
    </row>
    <row r="144" spans="1:8" ht="14.25">
      <c r="A144" s="103"/>
      <c r="B144" s="103"/>
      <c r="C144" s="400"/>
      <c r="D144" s="401"/>
      <c r="E144" s="123" t="s">
        <v>16</v>
      </c>
      <c r="F144" s="335">
        <v>3</v>
      </c>
      <c r="G144" s="189" t="s">
        <v>886</v>
      </c>
      <c r="H144" s="525"/>
    </row>
    <row r="145" spans="1:9" ht="24">
      <c r="A145" s="103"/>
      <c r="B145" s="103"/>
      <c r="C145" s="402"/>
      <c r="D145" s="403"/>
      <c r="E145" s="404"/>
      <c r="F145" s="124"/>
      <c r="G145" s="190" t="s">
        <v>308</v>
      </c>
      <c r="H145" s="532"/>
    </row>
    <row r="146" spans="1:9" ht="14.25">
      <c r="A146" s="103"/>
      <c r="B146" s="103"/>
      <c r="C146" s="400"/>
      <c r="D146" s="401"/>
      <c r="E146" s="405"/>
      <c r="F146" s="125"/>
      <c r="G146" s="191" t="s">
        <v>887</v>
      </c>
      <c r="H146" s="532"/>
    </row>
    <row r="147" spans="1:9" ht="14.25">
      <c r="A147" s="103"/>
      <c r="B147" s="103"/>
      <c r="C147" s="406"/>
      <c r="D147" s="407"/>
      <c r="E147" s="408"/>
      <c r="F147" s="121"/>
      <c r="G147" s="192" t="s">
        <v>143</v>
      </c>
      <c r="H147" s="526"/>
    </row>
    <row r="148" spans="1:9" ht="14.25">
      <c r="A148" s="524" t="s">
        <v>141</v>
      </c>
      <c r="B148" s="524"/>
      <c r="C148" s="524"/>
      <c r="D148" s="524"/>
      <c r="E148" s="524"/>
      <c r="F148" s="524"/>
      <c r="G148" s="524"/>
      <c r="H148" s="524"/>
      <c r="I148" s="524"/>
    </row>
    <row r="150" spans="1:9">
      <c r="G150" s="136"/>
    </row>
  </sheetData>
  <sheetProtection password="E0C6" sheet="1" scenarios="1" selectLockedCells="1"/>
  <mergeCells count="40">
    <mergeCell ref="H138:H139"/>
    <mergeCell ref="H107:H108"/>
    <mergeCell ref="H85:H86"/>
    <mergeCell ref="H69:H70"/>
    <mergeCell ref="H43:H44"/>
    <mergeCell ref="H45:H46"/>
    <mergeCell ref="H47:H48"/>
    <mergeCell ref="H50:H51"/>
    <mergeCell ref="H57:H58"/>
    <mergeCell ref="H59:H60"/>
    <mergeCell ref="H34:H35"/>
    <mergeCell ref="H36:H37"/>
    <mergeCell ref="H38:H39"/>
    <mergeCell ref="C6:E6"/>
    <mergeCell ref="C81:E81"/>
    <mergeCell ref="H8:H9"/>
    <mergeCell ref="H10:H11"/>
    <mergeCell ref="H41:H42"/>
    <mergeCell ref="H19:H20"/>
    <mergeCell ref="H21:H22"/>
    <mergeCell ref="H24:H25"/>
    <mergeCell ref="H26:H27"/>
    <mergeCell ref="H29:H30"/>
    <mergeCell ref="H31:H32"/>
    <mergeCell ref="A148:I148"/>
    <mergeCell ref="H64:H65"/>
    <mergeCell ref="H67:H68"/>
    <mergeCell ref="H52:H53"/>
    <mergeCell ref="H55:H56"/>
    <mergeCell ref="H134:H135"/>
    <mergeCell ref="H112:H113"/>
    <mergeCell ref="H114:H115"/>
    <mergeCell ref="H116:H117"/>
    <mergeCell ref="H125:H126"/>
    <mergeCell ref="A79:I79"/>
    <mergeCell ref="H62:H63"/>
    <mergeCell ref="H129:H130"/>
    <mergeCell ref="H131:H132"/>
    <mergeCell ref="H120:H123"/>
    <mergeCell ref="H144:H147"/>
  </mergeCells>
  <phoneticPr fontId="6"/>
  <conditionalFormatting sqref="H134 H24 H34 H41 H50 H55 H67 H94 H100 H107 H119 H8 H138 H125 H129 H29 H19 H10 H57 H83:H84">
    <cfRule type="cellIs" dxfId="96" priority="91" stopIfTrue="1" operator="equal">
      <formula>"X"</formula>
    </cfRule>
  </conditionalFormatting>
  <conditionalFormatting sqref="H111">
    <cfRule type="cellIs" dxfId="95" priority="89" stopIfTrue="1" operator="equal">
      <formula>"X"</formula>
    </cfRule>
  </conditionalFormatting>
  <conditionalFormatting sqref="H62">
    <cfRule type="cellIs" dxfId="94" priority="86" operator="equal">
      <formula>"X"</formula>
    </cfRule>
  </conditionalFormatting>
  <conditionalFormatting sqref="H21">
    <cfRule type="cellIs" dxfId="93" priority="85" stopIfTrue="1" operator="equal">
      <formula>"X"</formula>
    </cfRule>
  </conditionalFormatting>
  <conditionalFormatting sqref="H21">
    <cfRule type="cellIs" dxfId="92" priority="84" operator="equal">
      <formula>"X"</formula>
    </cfRule>
  </conditionalFormatting>
  <conditionalFormatting sqref="H14">
    <cfRule type="cellIs" dxfId="91" priority="81" stopIfTrue="1" operator="equal">
      <formula>"X"</formula>
    </cfRule>
  </conditionalFormatting>
  <conditionalFormatting sqref="H14">
    <cfRule type="cellIs" dxfId="90" priority="80" operator="equal">
      <formula>"X"</formula>
    </cfRule>
  </conditionalFormatting>
  <conditionalFormatting sqref="H15">
    <cfRule type="cellIs" dxfId="89" priority="79" stopIfTrue="1" operator="equal">
      <formula>"X"</formula>
    </cfRule>
  </conditionalFormatting>
  <conditionalFormatting sqref="H15">
    <cfRule type="cellIs" dxfId="88" priority="78" operator="equal">
      <formula>"X"</formula>
    </cfRule>
  </conditionalFormatting>
  <conditionalFormatting sqref="H16">
    <cfRule type="cellIs" dxfId="87" priority="77" stopIfTrue="1" operator="equal">
      <formula>"X"</formula>
    </cfRule>
  </conditionalFormatting>
  <conditionalFormatting sqref="H16">
    <cfRule type="cellIs" dxfId="86" priority="76" operator="equal">
      <formula>"X"</formula>
    </cfRule>
  </conditionalFormatting>
  <conditionalFormatting sqref="H17">
    <cfRule type="cellIs" dxfId="85" priority="75" stopIfTrue="1" operator="equal">
      <formula>"X"</formula>
    </cfRule>
  </conditionalFormatting>
  <conditionalFormatting sqref="H17">
    <cfRule type="cellIs" dxfId="84" priority="74" operator="equal">
      <formula>"X"</formula>
    </cfRule>
  </conditionalFormatting>
  <conditionalFormatting sqref="H26">
    <cfRule type="cellIs" dxfId="83" priority="73" stopIfTrue="1" operator="equal">
      <formula>"X"</formula>
    </cfRule>
  </conditionalFormatting>
  <conditionalFormatting sqref="H26">
    <cfRule type="cellIs" dxfId="82" priority="72" operator="equal">
      <formula>"X"</formula>
    </cfRule>
  </conditionalFormatting>
  <conditionalFormatting sqref="H31">
    <cfRule type="cellIs" dxfId="81" priority="71" stopIfTrue="1" operator="equal">
      <formula>"X"</formula>
    </cfRule>
  </conditionalFormatting>
  <conditionalFormatting sqref="H31">
    <cfRule type="cellIs" dxfId="80" priority="70" operator="equal">
      <formula>"X"</formula>
    </cfRule>
  </conditionalFormatting>
  <conditionalFormatting sqref="H36">
    <cfRule type="cellIs" dxfId="79" priority="69" stopIfTrue="1" operator="equal">
      <formula>"X"</formula>
    </cfRule>
  </conditionalFormatting>
  <conditionalFormatting sqref="H36">
    <cfRule type="cellIs" dxfId="78" priority="68" operator="equal">
      <formula>"X"</formula>
    </cfRule>
  </conditionalFormatting>
  <conditionalFormatting sqref="H38">
    <cfRule type="cellIs" dxfId="77" priority="67" stopIfTrue="1" operator="equal">
      <formula>"X"</formula>
    </cfRule>
  </conditionalFormatting>
  <conditionalFormatting sqref="H38">
    <cfRule type="cellIs" dxfId="76" priority="66" operator="equal">
      <formula>"X"</formula>
    </cfRule>
  </conditionalFormatting>
  <conditionalFormatting sqref="H43">
    <cfRule type="cellIs" dxfId="75" priority="65" stopIfTrue="1" operator="equal">
      <formula>"X"</formula>
    </cfRule>
  </conditionalFormatting>
  <conditionalFormatting sqref="H43">
    <cfRule type="cellIs" dxfId="74" priority="64" operator="equal">
      <formula>"X"</formula>
    </cfRule>
  </conditionalFormatting>
  <conditionalFormatting sqref="H45">
    <cfRule type="cellIs" dxfId="73" priority="63" stopIfTrue="1" operator="equal">
      <formula>"X"</formula>
    </cfRule>
  </conditionalFormatting>
  <conditionalFormatting sqref="H45">
    <cfRule type="cellIs" dxfId="72" priority="62" operator="equal">
      <formula>"X"</formula>
    </cfRule>
  </conditionalFormatting>
  <conditionalFormatting sqref="H47">
    <cfRule type="cellIs" dxfId="71" priority="61" stopIfTrue="1" operator="equal">
      <formula>"X"</formula>
    </cfRule>
  </conditionalFormatting>
  <conditionalFormatting sqref="H47">
    <cfRule type="cellIs" dxfId="70" priority="60" operator="equal">
      <formula>"X"</formula>
    </cfRule>
  </conditionalFormatting>
  <conditionalFormatting sqref="H52">
    <cfRule type="cellIs" dxfId="69" priority="59" stopIfTrue="1" operator="equal">
      <formula>"X"</formula>
    </cfRule>
  </conditionalFormatting>
  <conditionalFormatting sqref="H52">
    <cfRule type="cellIs" dxfId="68" priority="58" operator="equal">
      <formula>"X"</formula>
    </cfRule>
  </conditionalFormatting>
  <conditionalFormatting sqref="H59">
    <cfRule type="cellIs" dxfId="67" priority="57" stopIfTrue="1" operator="equal">
      <formula>"X"</formula>
    </cfRule>
  </conditionalFormatting>
  <conditionalFormatting sqref="H59">
    <cfRule type="cellIs" dxfId="66" priority="56" operator="equal">
      <formula>"X"</formula>
    </cfRule>
  </conditionalFormatting>
  <conditionalFormatting sqref="H64">
    <cfRule type="cellIs" dxfId="65" priority="55" stopIfTrue="1" operator="equal">
      <formula>"X"</formula>
    </cfRule>
  </conditionalFormatting>
  <conditionalFormatting sqref="H64">
    <cfRule type="cellIs" dxfId="64" priority="54" operator="equal">
      <formula>"X"</formula>
    </cfRule>
  </conditionalFormatting>
  <conditionalFormatting sqref="H69">
    <cfRule type="cellIs" dxfId="63" priority="53" stopIfTrue="1" operator="equal">
      <formula>"X"</formula>
    </cfRule>
  </conditionalFormatting>
  <conditionalFormatting sqref="H69">
    <cfRule type="cellIs" dxfId="62" priority="52" operator="equal">
      <formula>"X"</formula>
    </cfRule>
  </conditionalFormatting>
  <conditionalFormatting sqref="H85">
    <cfRule type="cellIs" dxfId="61" priority="51" stopIfTrue="1" operator="equal">
      <formula>"X"</formula>
    </cfRule>
  </conditionalFormatting>
  <conditionalFormatting sqref="H85">
    <cfRule type="cellIs" dxfId="60" priority="50" operator="equal">
      <formula>"X"</formula>
    </cfRule>
  </conditionalFormatting>
  <conditionalFormatting sqref="H109">
    <cfRule type="cellIs" dxfId="59" priority="49" stopIfTrue="1" operator="equal">
      <formula>"X"</formula>
    </cfRule>
  </conditionalFormatting>
  <conditionalFormatting sqref="H109">
    <cfRule type="cellIs" dxfId="58" priority="48" operator="equal">
      <formula>"X"</formula>
    </cfRule>
  </conditionalFormatting>
  <conditionalFormatting sqref="H112">
    <cfRule type="cellIs" dxfId="57" priority="47" stopIfTrue="1" operator="equal">
      <formula>"X"</formula>
    </cfRule>
  </conditionalFormatting>
  <conditionalFormatting sqref="H112">
    <cfRule type="cellIs" dxfId="56" priority="46" operator="equal">
      <formula>"X"</formula>
    </cfRule>
  </conditionalFormatting>
  <conditionalFormatting sqref="H114">
    <cfRule type="cellIs" dxfId="55" priority="45" stopIfTrue="1" operator="equal">
      <formula>"X"</formula>
    </cfRule>
  </conditionalFormatting>
  <conditionalFormatting sqref="H114">
    <cfRule type="cellIs" dxfId="54" priority="44" operator="equal">
      <formula>"X"</formula>
    </cfRule>
  </conditionalFormatting>
  <conditionalFormatting sqref="H116">
    <cfRule type="cellIs" dxfId="53" priority="43" stopIfTrue="1" operator="equal">
      <formula>"X"</formula>
    </cfRule>
  </conditionalFormatting>
  <conditionalFormatting sqref="H116">
    <cfRule type="cellIs" dxfId="52" priority="42" operator="equal">
      <formula>"X"</formula>
    </cfRule>
  </conditionalFormatting>
  <conditionalFormatting sqref="H127">
    <cfRule type="cellIs" dxfId="51" priority="41" stopIfTrue="1" operator="equal">
      <formula>"X"</formula>
    </cfRule>
  </conditionalFormatting>
  <conditionalFormatting sqref="H127">
    <cfRule type="cellIs" dxfId="50" priority="40" operator="equal">
      <formula>"X"</formula>
    </cfRule>
  </conditionalFormatting>
  <conditionalFormatting sqref="H131">
    <cfRule type="cellIs" dxfId="49" priority="39" stopIfTrue="1" operator="equal">
      <formula>"X"</formula>
    </cfRule>
  </conditionalFormatting>
  <conditionalFormatting sqref="H131">
    <cfRule type="cellIs" dxfId="48" priority="38" operator="equal">
      <formula>"X"</formula>
    </cfRule>
  </conditionalFormatting>
  <conditionalFormatting sqref="H136">
    <cfRule type="cellIs" dxfId="47" priority="37" stopIfTrue="1" operator="equal">
      <formula>"X"</formula>
    </cfRule>
  </conditionalFormatting>
  <conditionalFormatting sqref="H136">
    <cfRule type="cellIs" dxfId="46" priority="36" operator="equal">
      <formula>"X"</formula>
    </cfRule>
  </conditionalFormatting>
  <conditionalFormatting sqref="H140">
    <cfRule type="cellIs" dxfId="45" priority="35" stopIfTrue="1" operator="equal">
      <formula>"X"</formula>
    </cfRule>
  </conditionalFormatting>
  <conditionalFormatting sqref="H140">
    <cfRule type="cellIs" dxfId="44" priority="34" operator="equal">
      <formula>"X"</formula>
    </cfRule>
  </conditionalFormatting>
  <conditionalFormatting sqref="H88">
    <cfRule type="cellIs" dxfId="43" priority="31" stopIfTrue="1" operator="equal">
      <formula>"X"</formula>
    </cfRule>
  </conditionalFormatting>
  <conditionalFormatting sqref="H88">
    <cfRule type="cellIs" dxfId="42" priority="30" operator="equal">
      <formula>"X"</formula>
    </cfRule>
  </conditionalFormatting>
  <conditionalFormatting sqref="H89">
    <cfRule type="cellIs" dxfId="41" priority="29" stopIfTrue="1" operator="equal">
      <formula>"X"</formula>
    </cfRule>
  </conditionalFormatting>
  <conditionalFormatting sqref="H89">
    <cfRule type="cellIs" dxfId="40" priority="28" operator="equal">
      <formula>"X"</formula>
    </cfRule>
  </conditionalFormatting>
  <conditionalFormatting sqref="H90">
    <cfRule type="cellIs" dxfId="39" priority="27" stopIfTrue="1" operator="equal">
      <formula>"X"</formula>
    </cfRule>
  </conditionalFormatting>
  <conditionalFormatting sqref="H90">
    <cfRule type="cellIs" dxfId="38" priority="26" operator="equal">
      <formula>"X"</formula>
    </cfRule>
  </conditionalFormatting>
  <conditionalFormatting sqref="H91">
    <cfRule type="cellIs" dxfId="37" priority="25" stopIfTrue="1" operator="equal">
      <formula>"X"</formula>
    </cfRule>
  </conditionalFormatting>
  <conditionalFormatting sqref="H91">
    <cfRule type="cellIs" dxfId="36" priority="24" operator="equal">
      <formula>"X"</formula>
    </cfRule>
  </conditionalFormatting>
  <conditionalFormatting sqref="H92">
    <cfRule type="cellIs" dxfId="35" priority="23" stopIfTrue="1" operator="equal">
      <formula>"X"</formula>
    </cfRule>
  </conditionalFormatting>
  <conditionalFormatting sqref="H92">
    <cfRule type="cellIs" dxfId="34" priority="22" operator="equal">
      <formula>"X"</formula>
    </cfRule>
  </conditionalFormatting>
  <conditionalFormatting sqref="H96">
    <cfRule type="cellIs" dxfId="33" priority="21" stopIfTrue="1" operator="equal">
      <formula>"X"</formula>
    </cfRule>
  </conditionalFormatting>
  <conditionalFormatting sqref="H96">
    <cfRule type="cellIs" dxfId="32" priority="20" operator="equal">
      <formula>"X"</formula>
    </cfRule>
  </conditionalFormatting>
  <conditionalFormatting sqref="H97">
    <cfRule type="cellIs" dxfId="31" priority="19" stopIfTrue="1" operator="equal">
      <formula>"X"</formula>
    </cfRule>
  </conditionalFormatting>
  <conditionalFormatting sqref="H97">
    <cfRule type="cellIs" dxfId="30" priority="18" operator="equal">
      <formula>"X"</formula>
    </cfRule>
  </conditionalFormatting>
  <conditionalFormatting sqref="H98">
    <cfRule type="cellIs" dxfId="29" priority="17" stopIfTrue="1" operator="equal">
      <formula>"X"</formula>
    </cfRule>
  </conditionalFormatting>
  <conditionalFormatting sqref="H98">
    <cfRule type="cellIs" dxfId="28" priority="16" operator="equal">
      <formula>"X"</formula>
    </cfRule>
  </conditionalFormatting>
  <conditionalFormatting sqref="H102">
    <cfRule type="cellIs" dxfId="27" priority="15" stopIfTrue="1" operator="equal">
      <formula>"X"</formula>
    </cfRule>
  </conditionalFormatting>
  <conditionalFormatting sqref="H102">
    <cfRule type="cellIs" dxfId="26" priority="14" operator="equal">
      <formula>"X"</formula>
    </cfRule>
  </conditionalFormatting>
  <conditionalFormatting sqref="H103">
    <cfRule type="cellIs" dxfId="25" priority="13" stopIfTrue="1" operator="equal">
      <formula>"X"</formula>
    </cfRule>
  </conditionalFormatting>
  <conditionalFormatting sqref="H103">
    <cfRule type="cellIs" dxfId="24" priority="12" operator="equal">
      <formula>"X"</formula>
    </cfRule>
  </conditionalFormatting>
  <conditionalFormatting sqref="H104">
    <cfRule type="cellIs" dxfId="23" priority="11" stopIfTrue="1" operator="equal">
      <formula>"X"</formula>
    </cfRule>
  </conditionalFormatting>
  <conditionalFormatting sqref="H104">
    <cfRule type="cellIs" dxfId="22" priority="10" operator="equal">
      <formula>"X"</formula>
    </cfRule>
  </conditionalFormatting>
  <conditionalFormatting sqref="H105">
    <cfRule type="cellIs" dxfId="21" priority="9" stopIfTrue="1" operator="equal">
      <formula>"X"</formula>
    </cfRule>
  </conditionalFormatting>
  <conditionalFormatting sqref="H105">
    <cfRule type="cellIs" dxfId="20" priority="8" operator="equal">
      <formula>"X"</formula>
    </cfRule>
  </conditionalFormatting>
  <conditionalFormatting sqref="H120">
    <cfRule type="cellIs" dxfId="19" priority="7" stopIfTrue="1" operator="equal">
      <formula>"X"</formula>
    </cfRule>
  </conditionalFormatting>
  <conditionalFormatting sqref="H120">
    <cfRule type="cellIs" dxfId="18" priority="6" operator="equal">
      <formula>"X"</formula>
    </cfRule>
  </conditionalFormatting>
  <conditionalFormatting sqref="H142">
    <cfRule type="cellIs" dxfId="17" priority="5" stopIfTrue="1" operator="equal">
      <formula>"X"</formula>
    </cfRule>
  </conditionalFormatting>
  <conditionalFormatting sqref="H143">
    <cfRule type="cellIs" dxfId="16" priority="4" stopIfTrue="1" operator="equal">
      <formula>"X"</formula>
    </cfRule>
  </conditionalFormatting>
  <conditionalFormatting sqref="H143">
    <cfRule type="cellIs" dxfId="15" priority="3" operator="equal">
      <formula>"X"</formula>
    </cfRule>
  </conditionalFormatting>
  <conditionalFormatting sqref="H144">
    <cfRule type="cellIs" dxfId="14" priority="2" stopIfTrue="1" operator="equal">
      <formula>"X"</formula>
    </cfRule>
  </conditionalFormatting>
  <conditionalFormatting sqref="H144">
    <cfRule type="cellIs" dxfId="13" priority="1" operator="equal">
      <formula>"X"</formula>
    </cfRule>
  </conditionalFormatting>
  <dataValidations count="1">
    <dataValidation type="list" allowBlank="1" showInputMessage="1" showErrorMessage="1" sqref="H59 H21 H116 H102:H105 H131 H127 H136 H83:H85 H57 H10 H26 H38 H109 H100 H64 H140 H31 H47 H19 H14:H17 H8 H55 H50 H45 H43 H41 H36 H34 H29 H24 H94 H69 H67 H62 H88:H92 H96:H98 H114 H111:H112 H107 H138 H134 H129 H125 H52 H119:H120 H142:H144">
      <formula1>"　,X"</formula1>
    </dataValidation>
  </dataValidations>
  <printOptions horizontalCentered="1"/>
  <pageMargins left="0.59055118110236227" right="0.59055118110236227" top="0.59055118110236227" bottom="0.19685039370078741" header="0.31496062992125984" footer="0.31496062992125984"/>
  <pageSetup paperSize="9" scale="65" fitToHeight="2" orientation="portrait" r:id="rId1"/>
  <headerFooter>
    <oddFooter>&amp;LOthers (appendix.)&amp;RV.10.0 (revised on Jun. 2018)</oddFooter>
  </headerFooter>
  <rowBreaks count="1" manualBreakCount="1">
    <brk id="79" max="7"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R310"/>
  <sheetViews>
    <sheetView view="pageBreakPreview" topLeftCell="A2" zoomScale="85" zoomScaleNormal="85" zoomScaleSheetLayoutView="85" zoomScalePageLayoutView="70" workbookViewId="0">
      <selection activeCell="K3" sqref="K3:M3"/>
    </sheetView>
  </sheetViews>
  <sheetFormatPr defaultRowHeight="14.25"/>
  <cols>
    <col min="1" max="1" width="2.28515625" style="219" customWidth="1"/>
    <col min="2" max="2" width="5.5703125" style="220" customWidth="1"/>
    <col min="3" max="3" width="9.85546875" style="219" customWidth="1"/>
    <col min="4" max="4" width="30.28515625" style="219" customWidth="1"/>
    <col min="5" max="5" width="20" style="219" customWidth="1"/>
    <col min="6" max="6" width="23.85546875" style="219" customWidth="1"/>
    <col min="7" max="7" width="14.5703125" style="219" customWidth="1"/>
    <col min="8" max="8" width="20.28515625" style="219" customWidth="1"/>
    <col min="9" max="9" width="16.85546875" style="219" customWidth="1"/>
    <col min="10" max="10" width="18.5703125" style="219" customWidth="1"/>
    <col min="11" max="11" width="10.85546875" style="219" customWidth="1"/>
    <col min="12" max="12" width="12.140625" style="219" customWidth="1"/>
    <col min="13" max="13" width="13.5703125" style="219" customWidth="1"/>
    <col min="14" max="14" width="1.7109375" style="219" customWidth="1"/>
    <col min="15" max="15" width="9.140625" style="219"/>
    <col min="16" max="16" width="9.42578125" style="219" bestFit="1" customWidth="1"/>
    <col min="17" max="257" width="9.140625" style="219"/>
    <col min="258" max="258" width="2.28515625" style="219" customWidth="1"/>
    <col min="259" max="259" width="3.85546875" style="219" customWidth="1"/>
    <col min="260" max="260" width="9.85546875" style="219" customWidth="1"/>
    <col min="261" max="261" width="30.28515625" style="219" customWidth="1"/>
    <col min="262" max="262" width="23.85546875" style="219" customWidth="1"/>
    <col min="263" max="263" width="14.5703125" style="219" customWidth="1"/>
    <col min="264" max="264" width="20.28515625" style="219" customWidth="1"/>
    <col min="265" max="265" width="16.85546875" style="219" customWidth="1"/>
    <col min="266" max="266" width="18.5703125" style="219" customWidth="1"/>
    <col min="267" max="267" width="13.5703125" style="219" customWidth="1"/>
    <col min="268" max="268" width="12.140625" style="219" customWidth="1"/>
    <col min="269" max="269" width="13.5703125" style="219" customWidth="1"/>
    <col min="270" max="270" width="1.7109375" style="219" customWidth="1"/>
    <col min="271" max="271" width="9.140625" style="219"/>
    <col min="272" max="272" width="9.42578125" style="219" bestFit="1" customWidth="1"/>
    <col min="273" max="513" width="9.140625" style="219"/>
    <col min="514" max="514" width="2.28515625" style="219" customWidth="1"/>
    <col min="515" max="515" width="3.85546875" style="219" customWidth="1"/>
    <col min="516" max="516" width="9.85546875" style="219" customWidth="1"/>
    <col min="517" max="517" width="30.28515625" style="219" customWidth="1"/>
    <col min="518" max="518" width="23.85546875" style="219" customWidth="1"/>
    <col min="519" max="519" width="14.5703125" style="219" customWidth="1"/>
    <col min="520" max="520" width="20.28515625" style="219" customWidth="1"/>
    <col min="521" max="521" width="16.85546875" style="219" customWidth="1"/>
    <col min="522" max="522" width="18.5703125" style="219" customWidth="1"/>
    <col min="523" max="523" width="13.5703125" style="219" customWidth="1"/>
    <col min="524" max="524" width="12.140625" style="219" customWidth="1"/>
    <col min="525" max="525" width="13.5703125" style="219" customWidth="1"/>
    <col min="526" max="526" width="1.7109375" style="219" customWidth="1"/>
    <col min="527" max="527" width="9.140625" style="219"/>
    <col min="528" max="528" width="9.42578125" style="219" bestFit="1" customWidth="1"/>
    <col min="529" max="769" width="9.140625" style="219"/>
    <col min="770" max="770" width="2.28515625" style="219" customWidth="1"/>
    <col min="771" max="771" width="3.85546875" style="219" customWidth="1"/>
    <col min="772" max="772" width="9.85546875" style="219" customWidth="1"/>
    <col min="773" max="773" width="30.28515625" style="219" customWidth="1"/>
    <col min="774" max="774" width="23.85546875" style="219" customWidth="1"/>
    <col min="775" max="775" width="14.5703125" style="219" customWidth="1"/>
    <col min="776" max="776" width="20.28515625" style="219" customWidth="1"/>
    <col min="777" max="777" width="16.85546875" style="219" customWidth="1"/>
    <col min="778" max="778" width="18.5703125" style="219" customWidth="1"/>
    <col min="779" max="779" width="13.5703125" style="219" customWidth="1"/>
    <col min="780" max="780" width="12.140625" style="219" customWidth="1"/>
    <col min="781" max="781" width="13.5703125" style="219" customWidth="1"/>
    <col min="782" max="782" width="1.7109375" style="219" customWidth="1"/>
    <col min="783" max="783" width="9.140625" style="219"/>
    <col min="784" max="784" width="9.42578125" style="219" bestFit="1" customWidth="1"/>
    <col min="785" max="1025" width="9.140625" style="219"/>
    <col min="1026" max="1026" width="2.28515625" style="219" customWidth="1"/>
    <col min="1027" max="1027" width="3.85546875" style="219" customWidth="1"/>
    <col min="1028" max="1028" width="9.85546875" style="219" customWidth="1"/>
    <col min="1029" max="1029" width="30.28515625" style="219" customWidth="1"/>
    <col min="1030" max="1030" width="23.85546875" style="219" customWidth="1"/>
    <col min="1031" max="1031" width="14.5703125" style="219" customWidth="1"/>
    <col min="1032" max="1032" width="20.28515625" style="219" customWidth="1"/>
    <col min="1033" max="1033" width="16.85546875" style="219" customWidth="1"/>
    <col min="1034" max="1034" width="18.5703125" style="219" customWidth="1"/>
    <col min="1035" max="1035" width="13.5703125" style="219" customWidth="1"/>
    <col min="1036" max="1036" width="12.140625" style="219" customWidth="1"/>
    <col min="1037" max="1037" width="13.5703125" style="219" customWidth="1"/>
    <col min="1038" max="1038" width="1.7109375" style="219" customWidth="1"/>
    <col min="1039" max="1039" width="9.140625" style="219"/>
    <col min="1040" max="1040" width="9.42578125" style="219" bestFit="1" customWidth="1"/>
    <col min="1041" max="1281" width="9.140625" style="219"/>
    <col min="1282" max="1282" width="2.28515625" style="219" customWidth="1"/>
    <col min="1283" max="1283" width="3.85546875" style="219" customWidth="1"/>
    <col min="1284" max="1284" width="9.85546875" style="219" customWidth="1"/>
    <col min="1285" max="1285" width="30.28515625" style="219" customWidth="1"/>
    <col min="1286" max="1286" width="23.85546875" style="219" customWidth="1"/>
    <col min="1287" max="1287" width="14.5703125" style="219" customWidth="1"/>
    <col min="1288" max="1288" width="20.28515625" style="219" customWidth="1"/>
    <col min="1289" max="1289" width="16.85546875" style="219" customWidth="1"/>
    <col min="1290" max="1290" width="18.5703125" style="219" customWidth="1"/>
    <col min="1291" max="1291" width="13.5703125" style="219" customWidth="1"/>
    <col min="1292" max="1292" width="12.140625" style="219" customWidth="1"/>
    <col min="1293" max="1293" width="13.5703125" style="219" customWidth="1"/>
    <col min="1294" max="1294" width="1.7109375" style="219" customWidth="1"/>
    <col min="1295" max="1295" width="9.140625" style="219"/>
    <col min="1296" max="1296" width="9.42578125" style="219" bestFit="1" customWidth="1"/>
    <col min="1297" max="1537" width="9.140625" style="219"/>
    <col min="1538" max="1538" width="2.28515625" style="219" customWidth="1"/>
    <col min="1539" max="1539" width="3.85546875" style="219" customWidth="1"/>
    <col min="1540" max="1540" width="9.85546875" style="219" customWidth="1"/>
    <col min="1541" max="1541" width="30.28515625" style="219" customWidth="1"/>
    <col min="1542" max="1542" width="23.85546875" style="219" customWidth="1"/>
    <col min="1543" max="1543" width="14.5703125" style="219" customWidth="1"/>
    <col min="1544" max="1544" width="20.28515625" style="219" customWidth="1"/>
    <col min="1545" max="1545" width="16.85546875" style="219" customWidth="1"/>
    <col min="1546" max="1546" width="18.5703125" style="219" customWidth="1"/>
    <col min="1547" max="1547" width="13.5703125" style="219" customWidth="1"/>
    <col min="1548" max="1548" width="12.140625" style="219" customWidth="1"/>
    <col min="1549" max="1549" width="13.5703125" style="219" customWidth="1"/>
    <col min="1550" max="1550" width="1.7109375" style="219" customWidth="1"/>
    <col min="1551" max="1551" width="9.140625" style="219"/>
    <col min="1552" max="1552" width="9.42578125" style="219" bestFit="1" customWidth="1"/>
    <col min="1553" max="1793" width="9.140625" style="219"/>
    <col min="1794" max="1794" width="2.28515625" style="219" customWidth="1"/>
    <col min="1795" max="1795" width="3.85546875" style="219" customWidth="1"/>
    <col min="1796" max="1796" width="9.85546875" style="219" customWidth="1"/>
    <col min="1797" max="1797" width="30.28515625" style="219" customWidth="1"/>
    <col min="1798" max="1798" width="23.85546875" style="219" customWidth="1"/>
    <col min="1799" max="1799" width="14.5703125" style="219" customWidth="1"/>
    <col min="1800" max="1800" width="20.28515625" style="219" customWidth="1"/>
    <col min="1801" max="1801" width="16.85546875" style="219" customWidth="1"/>
    <col min="1802" max="1802" width="18.5703125" style="219" customWidth="1"/>
    <col min="1803" max="1803" width="13.5703125" style="219" customWidth="1"/>
    <col min="1804" max="1804" width="12.140625" style="219" customWidth="1"/>
    <col min="1805" max="1805" width="13.5703125" style="219" customWidth="1"/>
    <col min="1806" max="1806" width="1.7109375" style="219" customWidth="1"/>
    <col min="1807" max="1807" width="9.140625" style="219"/>
    <col min="1808" max="1808" width="9.42578125" style="219" bestFit="1" customWidth="1"/>
    <col min="1809" max="2049" width="9.140625" style="219"/>
    <col min="2050" max="2050" width="2.28515625" style="219" customWidth="1"/>
    <col min="2051" max="2051" width="3.85546875" style="219" customWidth="1"/>
    <col min="2052" max="2052" width="9.85546875" style="219" customWidth="1"/>
    <col min="2053" max="2053" width="30.28515625" style="219" customWidth="1"/>
    <col min="2054" max="2054" width="23.85546875" style="219" customWidth="1"/>
    <col min="2055" max="2055" width="14.5703125" style="219" customWidth="1"/>
    <col min="2056" max="2056" width="20.28515625" style="219" customWidth="1"/>
    <col min="2057" max="2057" width="16.85546875" style="219" customWidth="1"/>
    <col min="2058" max="2058" width="18.5703125" style="219" customWidth="1"/>
    <col min="2059" max="2059" width="13.5703125" style="219" customWidth="1"/>
    <col min="2060" max="2060" width="12.140625" style="219" customWidth="1"/>
    <col min="2061" max="2061" width="13.5703125" style="219" customWidth="1"/>
    <col min="2062" max="2062" width="1.7109375" style="219" customWidth="1"/>
    <col min="2063" max="2063" width="9.140625" style="219"/>
    <col min="2064" max="2064" width="9.42578125" style="219" bestFit="1" customWidth="1"/>
    <col min="2065" max="2305" width="9.140625" style="219"/>
    <col min="2306" max="2306" width="2.28515625" style="219" customWidth="1"/>
    <col min="2307" max="2307" width="3.85546875" style="219" customWidth="1"/>
    <col min="2308" max="2308" width="9.85546875" style="219" customWidth="1"/>
    <col min="2309" max="2309" width="30.28515625" style="219" customWidth="1"/>
    <col min="2310" max="2310" width="23.85546875" style="219" customWidth="1"/>
    <col min="2311" max="2311" width="14.5703125" style="219" customWidth="1"/>
    <col min="2312" max="2312" width="20.28515625" style="219" customWidth="1"/>
    <col min="2313" max="2313" width="16.85546875" style="219" customWidth="1"/>
    <col min="2314" max="2314" width="18.5703125" style="219" customWidth="1"/>
    <col min="2315" max="2315" width="13.5703125" style="219" customWidth="1"/>
    <col min="2316" max="2316" width="12.140625" style="219" customWidth="1"/>
    <col min="2317" max="2317" width="13.5703125" style="219" customWidth="1"/>
    <col min="2318" max="2318" width="1.7109375" style="219" customWidth="1"/>
    <col min="2319" max="2319" width="9.140625" style="219"/>
    <col min="2320" max="2320" width="9.42578125" style="219" bestFit="1" customWidth="1"/>
    <col min="2321" max="2561" width="9.140625" style="219"/>
    <col min="2562" max="2562" width="2.28515625" style="219" customWidth="1"/>
    <col min="2563" max="2563" width="3.85546875" style="219" customWidth="1"/>
    <col min="2564" max="2564" width="9.85546875" style="219" customWidth="1"/>
    <col min="2565" max="2565" width="30.28515625" style="219" customWidth="1"/>
    <col min="2566" max="2566" width="23.85546875" style="219" customWidth="1"/>
    <col min="2567" max="2567" width="14.5703125" style="219" customWidth="1"/>
    <col min="2568" max="2568" width="20.28515625" style="219" customWidth="1"/>
    <col min="2569" max="2569" width="16.85546875" style="219" customWidth="1"/>
    <col min="2570" max="2570" width="18.5703125" style="219" customWidth="1"/>
    <col min="2571" max="2571" width="13.5703125" style="219" customWidth="1"/>
    <col min="2572" max="2572" width="12.140625" style="219" customWidth="1"/>
    <col min="2573" max="2573" width="13.5703125" style="219" customWidth="1"/>
    <col min="2574" max="2574" width="1.7109375" style="219" customWidth="1"/>
    <col min="2575" max="2575" width="9.140625" style="219"/>
    <col min="2576" max="2576" width="9.42578125" style="219" bestFit="1" customWidth="1"/>
    <col min="2577" max="2817" width="9.140625" style="219"/>
    <col min="2818" max="2818" width="2.28515625" style="219" customWidth="1"/>
    <col min="2819" max="2819" width="3.85546875" style="219" customWidth="1"/>
    <col min="2820" max="2820" width="9.85546875" style="219" customWidth="1"/>
    <col min="2821" max="2821" width="30.28515625" style="219" customWidth="1"/>
    <col min="2822" max="2822" width="23.85546875" style="219" customWidth="1"/>
    <col min="2823" max="2823" width="14.5703125" style="219" customWidth="1"/>
    <col min="2824" max="2824" width="20.28515625" style="219" customWidth="1"/>
    <col min="2825" max="2825" width="16.85546875" style="219" customWidth="1"/>
    <col min="2826" max="2826" width="18.5703125" style="219" customWidth="1"/>
    <col min="2827" max="2827" width="13.5703125" style="219" customWidth="1"/>
    <col min="2828" max="2828" width="12.140625" style="219" customWidth="1"/>
    <col min="2829" max="2829" width="13.5703125" style="219" customWidth="1"/>
    <col min="2830" max="2830" width="1.7109375" style="219" customWidth="1"/>
    <col min="2831" max="2831" width="9.140625" style="219"/>
    <col min="2832" max="2832" width="9.42578125" style="219" bestFit="1" customWidth="1"/>
    <col min="2833" max="3073" width="9.140625" style="219"/>
    <col min="3074" max="3074" width="2.28515625" style="219" customWidth="1"/>
    <col min="3075" max="3075" width="3.85546875" style="219" customWidth="1"/>
    <col min="3076" max="3076" width="9.85546875" style="219" customWidth="1"/>
    <col min="3077" max="3077" width="30.28515625" style="219" customWidth="1"/>
    <col min="3078" max="3078" width="23.85546875" style="219" customWidth="1"/>
    <col min="3079" max="3079" width="14.5703125" style="219" customWidth="1"/>
    <col min="3080" max="3080" width="20.28515625" style="219" customWidth="1"/>
    <col min="3081" max="3081" width="16.85546875" style="219" customWidth="1"/>
    <col min="3082" max="3082" width="18.5703125" style="219" customWidth="1"/>
    <col min="3083" max="3083" width="13.5703125" style="219" customWidth="1"/>
    <col min="3084" max="3084" width="12.140625" style="219" customWidth="1"/>
    <col min="3085" max="3085" width="13.5703125" style="219" customWidth="1"/>
    <col min="3086" max="3086" width="1.7109375" style="219" customWidth="1"/>
    <col min="3087" max="3087" width="9.140625" style="219"/>
    <col min="3088" max="3088" width="9.42578125" style="219" bestFit="1" customWidth="1"/>
    <col min="3089" max="3329" width="9.140625" style="219"/>
    <col min="3330" max="3330" width="2.28515625" style="219" customWidth="1"/>
    <col min="3331" max="3331" width="3.85546875" style="219" customWidth="1"/>
    <col min="3332" max="3332" width="9.85546875" style="219" customWidth="1"/>
    <col min="3333" max="3333" width="30.28515625" style="219" customWidth="1"/>
    <col min="3334" max="3334" width="23.85546875" style="219" customWidth="1"/>
    <col min="3335" max="3335" width="14.5703125" style="219" customWidth="1"/>
    <col min="3336" max="3336" width="20.28515625" style="219" customWidth="1"/>
    <col min="3337" max="3337" width="16.85546875" style="219" customWidth="1"/>
    <col min="3338" max="3338" width="18.5703125" style="219" customWidth="1"/>
    <col min="3339" max="3339" width="13.5703125" style="219" customWidth="1"/>
    <col min="3340" max="3340" width="12.140625" style="219" customWidth="1"/>
    <col min="3341" max="3341" width="13.5703125" style="219" customWidth="1"/>
    <col min="3342" max="3342" width="1.7109375" style="219" customWidth="1"/>
    <col min="3343" max="3343" width="9.140625" style="219"/>
    <col min="3344" max="3344" width="9.42578125" style="219" bestFit="1" customWidth="1"/>
    <col min="3345" max="3585" width="9.140625" style="219"/>
    <col min="3586" max="3586" width="2.28515625" style="219" customWidth="1"/>
    <col min="3587" max="3587" width="3.85546875" style="219" customWidth="1"/>
    <col min="3588" max="3588" width="9.85546875" style="219" customWidth="1"/>
    <col min="3589" max="3589" width="30.28515625" style="219" customWidth="1"/>
    <col min="3590" max="3590" width="23.85546875" style="219" customWidth="1"/>
    <col min="3591" max="3591" width="14.5703125" style="219" customWidth="1"/>
    <col min="3592" max="3592" width="20.28515625" style="219" customWidth="1"/>
    <col min="3593" max="3593" width="16.85546875" style="219" customWidth="1"/>
    <col min="3594" max="3594" width="18.5703125" style="219" customWidth="1"/>
    <col min="3595" max="3595" width="13.5703125" style="219" customWidth="1"/>
    <col min="3596" max="3596" width="12.140625" style="219" customWidth="1"/>
    <col min="3597" max="3597" width="13.5703125" style="219" customWidth="1"/>
    <col min="3598" max="3598" width="1.7109375" style="219" customWidth="1"/>
    <col min="3599" max="3599" width="9.140625" style="219"/>
    <col min="3600" max="3600" width="9.42578125" style="219" bestFit="1" customWidth="1"/>
    <col min="3601" max="3841" width="9.140625" style="219"/>
    <col min="3842" max="3842" width="2.28515625" style="219" customWidth="1"/>
    <col min="3843" max="3843" width="3.85546875" style="219" customWidth="1"/>
    <col min="3844" max="3844" width="9.85546875" style="219" customWidth="1"/>
    <col min="3845" max="3845" width="30.28515625" style="219" customWidth="1"/>
    <col min="3846" max="3846" width="23.85546875" style="219" customWidth="1"/>
    <col min="3847" max="3847" width="14.5703125" style="219" customWidth="1"/>
    <col min="3848" max="3848" width="20.28515625" style="219" customWidth="1"/>
    <col min="3849" max="3849" width="16.85546875" style="219" customWidth="1"/>
    <col min="3850" max="3850" width="18.5703125" style="219" customWidth="1"/>
    <col min="3851" max="3851" width="13.5703125" style="219" customWidth="1"/>
    <col min="3852" max="3852" width="12.140625" style="219" customWidth="1"/>
    <col min="3853" max="3853" width="13.5703125" style="219" customWidth="1"/>
    <col min="3854" max="3854" width="1.7109375" style="219" customWidth="1"/>
    <col min="3855" max="3855" width="9.140625" style="219"/>
    <col min="3856" max="3856" width="9.42578125" style="219" bestFit="1" customWidth="1"/>
    <col min="3857" max="4097" width="9.140625" style="219"/>
    <col min="4098" max="4098" width="2.28515625" style="219" customWidth="1"/>
    <col min="4099" max="4099" width="3.85546875" style="219" customWidth="1"/>
    <col min="4100" max="4100" width="9.85546875" style="219" customWidth="1"/>
    <col min="4101" max="4101" width="30.28515625" style="219" customWidth="1"/>
    <col min="4102" max="4102" width="23.85546875" style="219" customWidth="1"/>
    <col min="4103" max="4103" width="14.5703125" style="219" customWidth="1"/>
    <col min="4104" max="4104" width="20.28515625" style="219" customWidth="1"/>
    <col min="4105" max="4105" width="16.85546875" style="219" customWidth="1"/>
    <col min="4106" max="4106" width="18.5703125" style="219" customWidth="1"/>
    <col min="4107" max="4107" width="13.5703125" style="219" customWidth="1"/>
    <col min="4108" max="4108" width="12.140625" style="219" customWidth="1"/>
    <col min="4109" max="4109" width="13.5703125" style="219" customWidth="1"/>
    <col min="4110" max="4110" width="1.7109375" style="219" customWidth="1"/>
    <col min="4111" max="4111" width="9.140625" style="219"/>
    <col min="4112" max="4112" width="9.42578125" style="219" bestFit="1" customWidth="1"/>
    <col min="4113" max="4353" width="9.140625" style="219"/>
    <col min="4354" max="4354" width="2.28515625" style="219" customWidth="1"/>
    <col min="4355" max="4355" width="3.85546875" style="219" customWidth="1"/>
    <col min="4356" max="4356" width="9.85546875" style="219" customWidth="1"/>
    <col min="4357" max="4357" width="30.28515625" style="219" customWidth="1"/>
    <col min="4358" max="4358" width="23.85546875" style="219" customWidth="1"/>
    <col min="4359" max="4359" width="14.5703125" style="219" customWidth="1"/>
    <col min="4360" max="4360" width="20.28515625" style="219" customWidth="1"/>
    <col min="4361" max="4361" width="16.85546875" style="219" customWidth="1"/>
    <col min="4362" max="4362" width="18.5703125" style="219" customWidth="1"/>
    <col min="4363" max="4363" width="13.5703125" style="219" customWidth="1"/>
    <col min="4364" max="4364" width="12.140625" style="219" customWidth="1"/>
    <col min="4365" max="4365" width="13.5703125" style="219" customWidth="1"/>
    <col min="4366" max="4366" width="1.7109375" style="219" customWidth="1"/>
    <col min="4367" max="4367" width="9.140625" style="219"/>
    <col min="4368" max="4368" width="9.42578125" style="219" bestFit="1" customWidth="1"/>
    <col min="4369" max="4609" width="9.140625" style="219"/>
    <col min="4610" max="4610" width="2.28515625" style="219" customWidth="1"/>
    <col min="4611" max="4611" width="3.85546875" style="219" customWidth="1"/>
    <col min="4612" max="4612" width="9.85546875" style="219" customWidth="1"/>
    <col min="4613" max="4613" width="30.28515625" style="219" customWidth="1"/>
    <col min="4614" max="4614" width="23.85546875" style="219" customWidth="1"/>
    <col min="4615" max="4615" width="14.5703125" style="219" customWidth="1"/>
    <col min="4616" max="4616" width="20.28515625" style="219" customWidth="1"/>
    <col min="4617" max="4617" width="16.85546875" style="219" customWidth="1"/>
    <col min="4618" max="4618" width="18.5703125" style="219" customWidth="1"/>
    <col min="4619" max="4619" width="13.5703125" style="219" customWidth="1"/>
    <col min="4620" max="4620" width="12.140625" style="219" customWidth="1"/>
    <col min="4621" max="4621" width="13.5703125" style="219" customWidth="1"/>
    <col min="4622" max="4622" width="1.7109375" style="219" customWidth="1"/>
    <col min="4623" max="4623" width="9.140625" style="219"/>
    <col min="4624" max="4624" width="9.42578125" style="219" bestFit="1" customWidth="1"/>
    <col min="4625" max="4865" width="9.140625" style="219"/>
    <col min="4866" max="4866" width="2.28515625" style="219" customWidth="1"/>
    <col min="4867" max="4867" width="3.85546875" style="219" customWidth="1"/>
    <col min="4868" max="4868" width="9.85546875" style="219" customWidth="1"/>
    <col min="4869" max="4869" width="30.28515625" style="219" customWidth="1"/>
    <col min="4870" max="4870" width="23.85546875" style="219" customWidth="1"/>
    <col min="4871" max="4871" width="14.5703125" style="219" customWidth="1"/>
    <col min="4872" max="4872" width="20.28515625" style="219" customWidth="1"/>
    <col min="4873" max="4873" width="16.85546875" style="219" customWidth="1"/>
    <col min="4874" max="4874" width="18.5703125" style="219" customWidth="1"/>
    <col min="4875" max="4875" width="13.5703125" style="219" customWidth="1"/>
    <col min="4876" max="4876" width="12.140625" style="219" customWidth="1"/>
    <col min="4877" max="4877" width="13.5703125" style="219" customWidth="1"/>
    <col min="4878" max="4878" width="1.7109375" style="219" customWidth="1"/>
    <col min="4879" max="4879" width="9.140625" style="219"/>
    <col min="4880" max="4880" width="9.42578125" style="219" bestFit="1" customWidth="1"/>
    <col min="4881" max="5121" width="9.140625" style="219"/>
    <col min="5122" max="5122" width="2.28515625" style="219" customWidth="1"/>
    <col min="5123" max="5123" width="3.85546875" style="219" customWidth="1"/>
    <col min="5124" max="5124" width="9.85546875" style="219" customWidth="1"/>
    <col min="5125" max="5125" width="30.28515625" style="219" customWidth="1"/>
    <col min="5126" max="5126" width="23.85546875" style="219" customWidth="1"/>
    <col min="5127" max="5127" width="14.5703125" style="219" customWidth="1"/>
    <col min="5128" max="5128" width="20.28515625" style="219" customWidth="1"/>
    <col min="5129" max="5129" width="16.85546875" style="219" customWidth="1"/>
    <col min="5130" max="5130" width="18.5703125" style="219" customWidth="1"/>
    <col min="5131" max="5131" width="13.5703125" style="219" customWidth="1"/>
    <col min="5132" max="5132" width="12.140625" style="219" customWidth="1"/>
    <col min="5133" max="5133" width="13.5703125" style="219" customWidth="1"/>
    <col min="5134" max="5134" width="1.7109375" style="219" customWidth="1"/>
    <col min="5135" max="5135" width="9.140625" style="219"/>
    <col min="5136" max="5136" width="9.42578125" style="219" bestFit="1" customWidth="1"/>
    <col min="5137" max="5377" width="9.140625" style="219"/>
    <col min="5378" max="5378" width="2.28515625" style="219" customWidth="1"/>
    <col min="5379" max="5379" width="3.85546875" style="219" customWidth="1"/>
    <col min="5380" max="5380" width="9.85546875" style="219" customWidth="1"/>
    <col min="5381" max="5381" width="30.28515625" style="219" customWidth="1"/>
    <col min="5382" max="5382" width="23.85546875" style="219" customWidth="1"/>
    <col min="5383" max="5383" width="14.5703125" style="219" customWidth="1"/>
    <col min="5384" max="5384" width="20.28515625" style="219" customWidth="1"/>
    <col min="5385" max="5385" width="16.85546875" style="219" customWidth="1"/>
    <col min="5386" max="5386" width="18.5703125" style="219" customWidth="1"/>
    <col min="5387" max="5387" width="13.5703125" style="219" customWidth="1"/>
    <col min="5388" max="5388" width="12.140625" style="219" customWidth="1"/>
    <col min="5389" max="5389" width="13.5703125" style="219" customWidth="1"/>
    <col min="5390" max="5390" width="1.7109375" style="219" customWidth="1"/>
    <col min="5391" max="5391" width="9.140625" style="219"/>
    <col min="5392" max="5392" width="9.42578125" style="219" bestFit="1" customWidth="1"/>
    <col min="5393" max="5633" width="9.140625" style="219"/>
    <col min="5634" max="5634" width="2.28515625" style="219" customWidth="1"/>
    <col min="5635" max="5635" width="3.85546875" style="219" customWidth="1"/>
    <col min="5636" max="5636" width="9.85546875" style="219" customWidth="1"/>
    <col min="5637" max="5637" width="30.28515625" style="219" customWidth="1"/>
    <col min="5638" max="5638" width="23.85546875" style="219" customWidth="1"/>
    <col min="5639" max="5639" width="14.5703125" style="219" customWidth="1"/>
    <col min="5640" max="5640" width="20.28515625" style="219" customWidth="1"/>
    <col min="5641" max="5641" width="16.85546875" style="219" customWidth="1"/>
    <col min="5642" max="5642" width="18.5703125" style="219" customWidth="1"/>
    <col min="5643" max="5643" width="13.5703125" style="219" customWidth="1"/>
    <col min="5644" max="5644" width="12.140625" style="219" customWidth="1"/>
    <col min="5645" max="5645" width="13.5703125" style="219" customWidth="1"/>
    <col min="5646" max="5646" width="1.7109375" style="219" customWidth="1"/>
    <col min="5647" max="5647" width="9.140625" style="219"/>
    <col min="5648" max="5648" width="9.42578125" style="219" bestFit="1" customWidth="1"/>
    <col min="5649" max="5889" width="9.140625" style="219"/>
    <col min="5890" max="5890" width="2.28515625" style="219" customWidth="1"/>
    <col min="5891" max="5891" width="3.85546875" style="219" customWidth="1"/>
    <col min="5892" max="5892" width="9.85546875" style="219" customWidth="1"/>
    <col min="5893" max="5893" width="30.28515625" style="219" customWidth="1"/>
    <col min="5894" max="5894" width="23.85546875" style="219" customWidth="1"/>
    <col min="5895" max="5895" width="14.5703125" style="219" customWidth="1"/>
    <col min="5896" max="5896" width="20.28515625" style="219" customWidth="1"/>
    <col min="5897" max="5897" width="16.85546875" style="219" customWidth="1"/>
    <col min="5898" max="5898" width="18.5703125" style="219" customWidth="1"/>
    <col min="5899" max="5899" width="13.5703125" style="219" customWidth="1"/>
    <col min="5900" max="5900" width="12.140625" style="219" customWidth="1"/>
    <col min="5901" max="5901" width="13.5703125" style="219" customWidth="1"/>
    <col min="5902" max="5902" width="1.7109375" style="219" customWidth="1"/>
    <col min="5903" max="5903" width="9.140625" style="219"/>
    <col min="5904" max="5904" width="9.42578125" style="219" bestFit="1" customWidth="1"/>
    <col min="5905" max="6145" width="9.140625" style="219"/>
    <col min="6146" max="6146" width="2.28515625" style="219" customWidth="1"/>
    <col min="6147" max="6147" width="3.85546875" style="219" customWidth="1"/>
    <col min="6148" max="6148" width="9.85546875" style="219" customWidth="1"/>
    <col min="6149" max="6149" width="30.28515625" style="219" customWidth="1"/>
    <col min="6150" max="6150" width="23.85546875" style="219" customWidth="1"/>
    <col min="6151" max="6151" width="14.5703125" style="219" customWidth="1"/>
    <col min="6152" max="6152" width="20.28515625" style="219" customWidth="1"/>
    <col min="6153" max="6153" width="16.85546875" style="219" customWidth="1"/>
    <col min="6154" max="6154" width="18.5703125" style="219" customWidth="1"/>
    <col min="6155" max="6155" width="13.5703125" style="219" customWidth="1"/>
    <col min="6156" max="6156" width="12.140625" style="219" customWidth="1"/>
    <col min="6157" max="6157" width="13.5703125" style="219" customWidth="1"/>
    <col min="6158" max="6158" width="1.7109375" style="219" customWidth="1"/>
    <col min="6159" max="6159" width="9.140625" style="219"/>
    <col min="6160" max="6160" width="9.42578125" style="219" bestFit="1" customWidth="1"/>
    <col min="6161" max="6401" width="9.140625" style="219"/>
    <col min="6402" max="6402" width="2.28515625" style="219" customWidth="1"/>
    <col min="6403" max="6403" width="3.85546875" style="219" customWidth="1"/>
    <col min="6404" max="6404" width="9.85546875" style="219" customWidth="1"/>
    <col min="6405" max="6405" width="30.28515625" style="219" customWidth="1"/>
    <col min="6406" max="6406" width="23.85546875" style="219" customWidth="1"/>
    <col min="6407" max="6407" width="14.5703125" style="219" customWidth="1"/>
    <col min="6408" max="6408" width="20.28515625" style="219" customWidth="1"/>
    <col min="6409" max="6409" width="16.85546875" style="219" customWidth="1"/>
    <col min="6410" max="6410" width="18.5703125" style="219" customWidth="1"/>
    <col min="6411" max="6411" width="13.5703125" style="219" customWidth="1"/>
    <col min="6412" max="6412" width="12.140625" style="219" customWidth="1"/>
    <col min="6413" max="6413" width="13.5703125" style="219" customWidth="1"/>
    <col min="6414" max="6414" width="1.7109375" style="219" customWidth="1"/>
    <col min="6415" max="6415" width="9.140625" style="219"/>
    <col min="6416" max="6416" width="9.42578125" style="219" bestFit="1" customWidth="1"/>
    <col min="6417" max="6657" width="9.140625" style="219"/>
    <col min="6658" max="6658" width="2.28515625" style="219" customWidth="1"/>
    <col min="6659" max="6659" width="3.85546875" style="219" customWidth="1"/>
    <col min="6660" max="6660" width="9.85546875" style="219" customWidth="1"/>
    <col min="6661" max="6661" width="30.28515625" style="219" customWidth="1"/>
    <col min="6662" max="6662" width="23.85546875" style="219" customWidth="1"/>
    <col min="6663" max="6663" width="14.5703125" style="219" customWidth="1"/>
    <col min="6664" max="6664" width="20.28515625" style="219" customWidth="1"/>
    <col min="6665" max="6665" width="16.85546875" style="219" customWidth="1"/>
    <col min="6666" max="6666" width="18.5703125" style="219" customWidth="1"/>
    <col min="6667" max="6667" width="13.5703125" style="219" customWidth="1"/>
    <col min="6668" max="6668" width="12.140625" style="219" customWidth="1"/>
    <col min="6669" max="6669" width="13.5703125" style="219" customWidth="1"/>
    <col min="6670" max="6670" width="1.7109375" style="219" customWidth="1"/>
    <col min="6671" max="6671" width="9.140625" style="219"/>
    <col min="6672" max="6672" width="9.42578125" style="219" bestFit="1" customWidth="1"/>
    <col min="6673" max="6913" width="9.140625" style="219"/>
    <col min="6914" max="6914" width="2.28515625" style="219" customWidth="1"/>
    <col min="6915" max="6915" width="3.85546875" style="219" customWidth="1"/>
    <col min="6916" max="6916" width="9.85546875" style="219" customWidth="1"/>
    <col min="6917" max="6917" width="30.28515625" style="219" customWidth="1"/>
    <col min="6918" max="6918" width="23.85546875" style="219" customWidth="1"/>
    <col min="6919" max="6919" width="14.5703125" style="219" customWidth="1"/>
    <col min="6920" max="6920" width="20.28515625" style="219" customWidth="1"/>
    <col min="6921" max="6921" width="16.85546875" style="219" customWidth="1"/>
    <col min="6922" max="6922" width="18.5703125" style="219" customWidth="1"/>
    <col min="6923" max="6923" width="13.5703125" style="219" customWidth="1"/>
    <col min="6924" max="6924" width="12.140625" style="219" customWidth="1"/>
    <col min="6925" max="6925" width="13.5703125" style="219" customWidth="1"/>
    <col min="6926" max="6926" width="1.7109375" style="219" customWidth="1"/>
    <col min="6927" max="6927" width="9.140625" style="219"/>
    <col min="6928" max="6928" width="9.42578125" style="219" bestFit="1" customWidth="1"/>
    <col min="6929" max="7169" width="9.140625" style="219"/>
    <col min="7170" max="7170" width="2.28515625" style="219" customWidth="1"/>
    <col min="7171" max="7171" width="3.85546875" style="219" customWidth="1"/>
    <col min="7172" max="7172" width="9.85546875" style="219" customWidth="1"/>
    <col min="7173" max="7173" width="30.28515625" style="219" customWidth="1"/>
    <col min="7174" max="7174" width="23.85546875" style="219" customWidth="1"/>
    <col min="7175" max="7175" width="14.5703125" style="219" customWidth="1"/>
    <col min="7176" max="7176" width="20.28515625" style="219" customWidth="1"/>
    <col min="7177" max="7177" width="16.85546875" style="219" customWidth="1"/>
    <col min="7178" max="7178" width="18.5703125" style="219" customWidth="1"/>
    <col min="7179" max="7179" width="13.5703125" style="219" customWidth="1"/>
    <col min="7180" max="7180" width="12.140625" style="219" customWidth="1"/>
    <col min="7181" max="7181" width="13.5703125" style="219" customWidth="1"/>
    <col min="7182" max="7182" width="1.7109375" style="219" customWidth="1"/>
    <col min="7183" max="7183" width="9.140625" style="219"/>
    <col min="7184" max="7184" width="9.42578125" style="219" bestFit="1" customWidth="1"/>
    <col min="7185" max="7425" width="9.140625" style="219"/>
    <col min="7426" max="7426" width="2.28515625" style="219" customWidth="1"/>
    <col min="7427" max="7427" width="3.85546875" style="219" customWidth="1"/>
    <col min="7428" max="7428" width="9.85546875" style="219" customWidth="1"/>
    <col min="7429" max="7429" width="30.28515625" style="219" customWidth="1"/>
    <col min="7430" max="7430" width="23.85546875" style="219" customWidth="1"/>
    <col min="7431" max="7431" width="14.5703125" style="219" customWidth="1"/>
    <col min="7432" max="7432" width="20.28515625" style="219" customWidth="1"/>
    <col min="7433" max="7433" width="16.85546875" style="219" customWidth="1"/>
    <col min="7434" max="7434" width="18.5703125" style="219" customWidth="1"/>
    <col min="7435" max="7435" width="13.5703125" style="219" customWidth="1"/>
    <col min="7436" max="7436" width="12.140625" style="219" customWidth="1"/>
    <col min="7437" max="7437" width="13.5703125" style="219" customWidth="1"/>
    <col min="7438" max="7438" width="1.7109375" style="219" customWidth="1"/>
    <col min="7439" max="7439" width="9.140625" style="219"/>
    <col min="7440" max="7440" width="9.42578125" style="219" bestFit="1" customWidth="1"/>
    <col min="7441" max="7681" width="9.140625" style="219"/>
    <col min="7682" max="7682" width="2.28515625" style="219" customWidth="1"/>
    <col min="7683" max="7683" width="3.85546875" style="219" customWidth="1"/>
    <col min="7684" max="7684" width="9.85546875" style="219" customWidth="1"/>
    <col min="7685" max="7685" width="30.28515625" style="219" customWidth="1"/>
    <col min="7686" max="7686" width="23.85546875" style="219" customWidth="1"/>
    <col min="7687" max="7687" width="14.5703125" style="219" customWidth="1"/>
    <col min="7688" max="7688" width="20.28515625" style="219" customWidth="1"/>
    <col min="7689" max="7689" width="16.85546875" style="219" customWidth="1"/>
    <col min="7690" max="7690" width="18.5703125" style="219" customWidth="1"/>
    <col min="7691" max="7691" width="13.5703125" style="219" customWidth="1"/>
    <col min="7692" max="7692" width="12.140625" style="219" customWidth="1"/>
    <col min="7693" max="7693" width="13.5703125" style="219" customWidth="1"/>
    <col min="7694" max="7694" width="1.7109375" style="219" customWidth="1"/>
    <col min="7695" max="7695" width="9.140625" style="219"/>
    <col min="7696" max="7696" width="9.42578125" style="219" bestFit="1" customWidth="1"/>
    <col min="7697" max="7937" width="9.140625" style="219"/>
    <col min="7938" max="7938" width="2.28515625" style="219" customWidth="1"/>
    <col min="7939" max="7939" width="3.85546875" style="219" customWidth="1"/>
    <col min="7940" max="7940" width="9.85546875" style="219" customWidth="1"/>
    <col min="7941" max="7941" width="30.28515625" style="219" customWidth="1"/>
    <col min="7942" max="7942" width="23.85546875" style="219" customWidth="1"/>
    <col min="7943" max="7943" width="14.5703125" style="219" customWidth="1"/>
    <col min="7944" max="7944" width="20.28515625" style="219" customWidth="1"/>
    <col min="7945" max="7945" width="16.85546875" style="219" customWidth="1"/>
    <col min="7946" max="7946" width="18.5703125" style="219" customWidth="1"/>
    <col min="7947" max="7947" width="13.5703125" style="219" customWidth="1"/>
    <col min="7948" max="7948" width="12.140625" style="219" customWidth="1"/>
    <col min="7949" max="7949" width="13.5703125" style="219" customWidth="1"/>
    <col min="7950" max="7950" width="1.7109375" style="219" customWidth="1"/>
    <col min="7951" max="7951" width="9.140625" style="219"/>
    <col min="7952" max="7952" width="9.42578125" style="219" bestFit="1" customWidth="1"/>
    <col min="7953" max="8193" width="9.140625" style="219"/>
    <col min="8194" max="8194" width="2.28515625" style="219" customWidth="1"/>
    <col min="8195" max="8195" width="3.85546875" style="219" customWidth="1"/>
    <col min="8196" max="8196" width="9.85546875" style="219" customWidth="1"/>
    <col min="8197" max="8197" width="30.28515625" style="219" customWidth="1"/>
    <col min="8198" max="8198" width="23.85546875" style="219" customWidth="1"/>
    <col min="8199" max="8199" width="14.5703125" style="219" customWidth="1"/>
    <col min="8200" max="8200" width="20.28515625" style="219" customWidth="1"/>
    <col min="8201" max="8201" width="16.85546875" style="219" customWidth="1"/>
    <col min="8202" max="8202" width="18.5703125" style="219" customWidth="1"/>
    <col min="8203" max="8203" width="13.5703125" style="219" customWidth="1"/>
    <col min="8204" max="8204" width="12.140625" style="219" customWidth="1"/>
    <col min="8205" max="8205" width="13.5703125" style="219" customWidth="1"/>
    <col min="8206" max="8206" width="1.7109375" style="219" customWidth="1"/>
    <col min="8207" max="8207" width="9.140625" style="219"/>
    <col min="8208" max="8208" width="9.42578125" style="219" bestFit="1" customWidth="1"/>
    <col min="8209" max="8449" width="9.140625" style="219"/>
    <col min="8450" max="8450" width="2.28515625" style="219" customWidth="1"/>
    <col min="8451" max="8451" width="3.85546875" style="219" customWidth="1"/>
    <col min="8452" max="8452" width="9.85546875" style="219" customWidth="1"/>
    <col min="8453" max="8453" width="30.28515625" style="219" customWidth="1"/>
    <col min="8454" max="8454" width="23.85546875" style="219" customWidth="1"/>
    <col min="8455" max="8455" width="14.5703125" style="219" customWidth="1"/>
    <col min="8456" max="8456" width="20.28515625" style="219" customWidth="1"/>
    <col min="8457" max="8457" width="16.85546875" style="219" customWidth="1"/>
    <col min="8458" max="8458" width="18.5703125" style="219" customWidth="1"/>
    <col min="8459" max="8459" width="13.5703125" style="219" customWidth="1"/>
    <col min="8460" max="8460" width="12.140625" style="219" customWidth="1"/>
    <col min="8461" max="8461" width="13.5703125" style="219" customWidth="1"/>
    <col min="8462" max="8462" width="1.7109375" style="219" customWidth="1"/>
    <col min="8463" max="8463" width="9.140625" style="219"/>
    <col min="8464" max="8464" width="9.42578125" style="219" bestFit="1" customWidth="1"/>
    <col min="8465" max="8705" width="9.140625" style="219"/>
    <col min="8706" max="8706" width="2.28515625" style="219" customWidth="1"/>
    <col min="8707" max="8707" width="3.85546875" style="219" customWidth="1"/>
    <col min="8708" max="8708" width="9.85546875" style="219" customWidth="1"/>
    <col min="8709" max="8709" width="30.28515625" style="219" customWidth="1"/>
    <col min="8710" max="8710" width="23.85546875" style="219" customWidth="1"/>
    <col min="8711" max="8711" width="14.5703125" style="219" customWidth="1"/>
    <col min="8712" max="8712" width="20.28515625" style="219" customWidth="1"/>
    <col min="8713" max="8713" width="16.85546875" style="219" customWidth="1"/>
    <col min="8714" max="8714" width="18.5703125" style="219" customWidth="1"/>
    <col min="8715" max="8715" width="13.5703125" style="219" customWidth="1"/>
    <col min="8716" max="8716" width="12.140625" style="219" customWidth="1"/>
    <col min="8717" max="8717" width="13.5703125" style="219" customWidth="1"/>
    <col min="8718" max="8718" width="1.7109375" style="219" customWidth="1"/>
    <col min="8719" max="8719" width="9.140625" style="219"/>
    <col min="8720" max="8720" width="9.42578125" style="219" bestFit="1" customWidth="1"/>
    <col min="8721" max="8961" width="9.140625" style="219"/>
    <col min="8962" max="8962" width="2.28515625" style="219" customWidth="1"/>
    <col min="8963" max="8963" width="3.85546875" style="219" customWidth="1"/>
    <col min="8964" max="8964" width="9.85546875" style="219" customWidth="1"/>
    <col min="8965" max="8965" width="30.28515625" style="219" customWidth="1"/>
    <col min="8966" max="8966" width="23.85546875" style="219" customWidth="1"/>
    <col min="8967" max="8967" width="14.5703125" style="219" customWidth="1"/>
    <col min="8968" max="8968" width="20.28515625" style="219" customWidth="1"/>
    <col min="8969" max="8969" width="16.85546875" style="219" customWidth="1"/>
    <col min="8970" max="8970" width="18.5703125" style="219" customWidth="1"/>
    <col min="8971" max="8971" width="13.5703125" style="219" customWidth="1"/>
    <col min="8972" max="8972" width="12.140625" style="219" customWidth="1"/>
    <col min="8973" max="8973" width="13.5703125" style="219" customWidth="1"/>
    <col min="8974" max="8974" width="1.7109375" style="219" customWidth="1"/>
    <col min="8975" max="8975" width="9.140625" style="219"/>
    <col min="8976" max="8976" width="9.42578125" style="219" bestFit="1" customWidth="1"/>
    <col min="8977" max="9217" width="9.140625" style="219"/>
    <col min="9218" max="9218" width="2.28515625" style="219" customWidth="1"/>
    <col min="9219" max="9219" width="3.85546875" style="219" customWidth="1"/>
    <col min="9220" max="9220" width="9.85546875" style="219" customWidth="1"/>
    <col min="9221" max="9221" width="30.28515625" style="219" customWidth="1"/>
    <col min="9222" max="9222" width="23.85546875" style="219" customWidth="1"/>
    <col min="9223" max="9223" width="14.5703125" style="219" customWidth="1"/>
    <col min="9224" max="9224" width="20.28515625" style="219" customWidth="1"/>
    <col min="9225" max="9225" width="16.85546875" style="219" customWidth="1"/>
    <col min="9226" max="9226" width="18.5703125" style="219" customWidth="1"/>
    <col min="9227" max="9227" width="13.5703125" style="219" customWidth="1"/>
    <col min="9228" max="9228" width="12.140625" style="219" customWidth="1"/>
    <col min="9229" max="9229" width="13.5703125" style="219" customWidth="1"/>
    <col min="9230" max="9230" width="1.7109375" style="219" customWidth="1"/>
    <col min="9231" max="9231" width="9.140625" style="219"/>
    <col min="9232" max="9232" width="9.42578125" style="219" bestFit="1" customWidth="1"/>
    <col min="9233" max="9473" width="9.140625" style="219"/>
    <col min="9474" max="9474" width="2.28515625" style="219" customWidth="1"/>
    <col min="9475" max="9475" width="3.85546875" style="219" customWidth="1"/>
    <col min="9476" max="9476" width="9.85546875" style="219" customWidth="1"/>
    <col min="9477" max="9477" width="30.28515625" style="219" customWidth="1"/>
    <col min="9478" max="9478" width="23.85546875" style="219" customWidth="1"/>
    <col min="9479" max="9479" width="14.5703125" style="219" customWidth="1"/>
    <col min="9480" max="9480" width="20.28515625" style="219" customWidth="1"/>
    <col min="9481" max="9481" width="16.85546875" style="219" customWidth="1"/>
    <col min="9482" max="9482" width="18.5703125" style="219" customWidth="1"/>
    <col min="9483" max="9483" width="13.5703125" style="219" customWidth="1"/>
    <col min="9484" max="9484" width="12.140625" style="219" customWidth="1"/>
    <col min="9485" max="9485" width="13.5703125" style="219" customWidth="1"/>
    <col min="9486" max="9486" width="1.7109375" style="219" customWidth="1"/>
    <col min="9487" max="9487" width="9.140625" style="219"/>
    <col min="9488" max="9488" width="9.42578125" style="219" bestFit="1" customWidth="1"/>
    <col min="9489" max="9729" width="9.140625" style="219"/>
    <col min="9730" max="9730" width="2.28515625" style="219" customWidth="1"/>
    <col min="9731" max="9731" width="3.85546875" style="219" customWidth="1"/>
    <col min="9732" max="9732" width="9.85546875" style="219" customWidth="1"/>
    <col min="9733" max="9733" width="30.28515625" style="219" customWidth="1"/>
    <col min="9734" max="9734" width="23.85546875" style="219" customWidth="1"/>
    <col min="9735" max="9735" width="14.5703125" style="219" customWidth="1"/>
    <col min="9736" max="9736" width="20.28515625" style="219" customWidth="1"/>
    <col min="9737" max="9737" width="16.85546875" style="219" customWidth="1"/>
    <col min="9738" max="9738" width="18.5703125" style="219" customWidth="1"/>
    <col min="9739" max="9739" width="13.5703125" style="219" customWidth="1"/>
    <col min="9740" max="9740" width="12.140625" style="219" customWidth="1"/>
    <col min="9741" max="9741" width="13.5703125" style="219" customWidth="1"/>
    <col min="9742" max="9742" width="1.7109375" style="219" customWidth="1"/>
    <col min="9743" max="9743" width="9.140625" style="219"/>
    <col min="9744" max="9744" width="9.42578125" style="219" bestFit="1" customWidth="1"/>
    <col min="9745" max="9985" width="9.140625" style="219"/>
    <col min="9986" max="9986" width="2.28515625" style="219" customWidth="1"/>
    <col min="9987" max="9987" width="3.85546875" style="219" customWidth="1"/>
    <col min="9988" max="9988" width="9.85546875" style="219" customWidth="1"/>
    <col min="9989" max="9989" width="30.28515625" style="219" customWidth="1"/>
    <col min="9990" max="9990" width="23.85546875" style="219" customWidth="1"/>
    <col min="9991" max="9991" width="14.5703125" style="219" customWidth="1"/>
    <col min="9992" max="9992" width="20.28515625" style="219" customWidth="1"/>
    <col min="9993" max="9993" width="16.85546875" style="219" customWidth="1"/>
    <col min="9994" max="9994" width="18.5703125" style="219" customWidth="1"/>
    <col min="9995" max="9995" width="13.5703125" style="219" customWidth="1"/>
    <col min="9996" max="9996" width="12.140625" style="219" customWidth="1"/>
    <col min="9997" max="9997" width="13.5703125" style="219" customWidth="1"/>
    <col min="9998" max="9998" width="1.7109375" style="219" customWidth="1"/>
    <col min="9999" max="9999" width="9.140625" style="219"/>
    <col min="10000" max="10000" width="9.42578125" style="219" bestFit="1" customWidth="1"/>
    <col min="10001" max="10241" width="9.140625" style="219"/>
    <col min="10242" max="10242" width="2.28515625" style="219" customWidth="1"/>
    <col min="10243" max="10243" width="3.85546875" style="219" customWidth="1"/>
    <col min="10244" max="10244" width="9.85546875" style="219" customWidth="1"/>
    <col min="10245" max="10245" width="30.28515625" style="219" customWidth="1"/>
    <col min="10246" max="10246" width="23.85546875" style="219" customWidth="1"/>
    <col min="10247" max="10247" width="14.5703125" style="219" customWidth="1"/>
    <col min="10248" max="10248" width="20.28515625" style="219" customWidth="1"/>
    <col min="10249" max="10249" width="16.85546875" style="219" customWidth="1"/>
    <col min="10250" max="10250" width="18.5703125" style="219" customWidth="1"/>
    <col min="10251" max="10251" width="13.5703125" style="219" customWidth="1"/>
    <col min="10252" max="10252" width="12.140625" style="219" customWidth="1"/>
    <col min="10253" max="10253" width="13.5703125" style="219" customWidth="1"/>
    <col min="10254" max="10254" width="1.7109375" style="219" customWidth="1"/>
    <col min="10255" max="10255" width="9.140625" style="219"/>
    <col min="10256" max="10256" width="9.42578125" style="219" bestFit="1" customWidth="1"/>
    <col min="10257" max="10497" width="9.140625" style="219"/>
    <col min="10498" max="10498" width="2.28515625" style="219" customWidth="1"/>
    <col min="10499" max="10499" width="3.85546875" style="219" customWidth="1"/>
    <col min="10500" max="10500" width="9.85546875" style="219" customWidth="1"/>
    <col min="10501" max="10501" width="30.28515625" style="219" customWidth="1"/>
    <col min="10502" max="10502" width="23.85546875" style="219" customWidth="1"/>
    <col min="10503" max="10503" width="14.5703125" style="219" customWidth="1"/>
    <col min="10504" max="10504" width="20.28515625" style="219" customWidth="1"/>
    <col min="10505" max="10505" width="16.85546875" style="219" customWidth="1"/>
    <col min="10506" max="10506" width="18.5703125" style="219" customWidth="1"/>
    <col min="10507" max="10507" width="13.5703125" style="219" customWidth="1"/>
    <col min="10508" max="10508" width="12.140625" style="219" customWidth="1"/>
    <col min="10509" max="10509" width="13.5703125" style="219" customWidth="1"/>
    <col min="10510" max="10510" width="1.7109375" style="219" customWidth="1"/>
    <col min="10511" max="10511" width="9.140625" style="219"/>
    <col min="10512" max="10512" width="9.42578125" style="219" bestFit="1" customWidth="1"/>
    <col min="10513" max="10753" width="9.140625" style="219"/>
    <col min="10754" max="10754" width="2.28515625" style="219" customWidth="1"/>
    <col min="10755" max="10755" width="3.85546875" style="219" customWidth="1"/>
    <col min="10756" max="10756" width="9.85546875" style="219" customWidth="1"/>
    <col min="10757" max="10757" width="30.28515625" style="219" customWidth="1"/>
    <col min="10758" max="10758" width="23.85546875" style="219" customWidth="1"/>
    <col min="10759" max="10759" width="14.5703125" style="219" customWidth="1"/>
    <col min="10760" max="10760" width="20.28515625" style="219" customWidth="1"/>
    <col min="10761" max="10761" width="16.85546875" style="219" customWidth="1"/>
    <col min="10762" max="10762" width="18.5703125" style="219" customWidth="1"/>
    <col min="10763" max="10763" width="13.5703125" style="219" customWidth="1"/>
    <col min="10764" max="10764" width="12.140625" style="219" customWidth="1"/>
    <col min="10765" max="10765" width="13.5703125" style="219" customWidth="1"/>
    <col min="10766" max="10766" width="1.7109375" style="219" customWidth="1"/>
    <col min="10767" max="10767" width="9.140625" style="219"/>
    <col min="10768" max="10768" width="9.42578125" style="219" bestFit="1" customWidth="1"/>
    <col min="10769" max="11009" width="9.140625" style="219"/>
    <col min="11010" max="11010" width="2.28515625" style="219" customWidth="1"/>
    <col min="11011" max="11011" width="3.85546875" style="219" customWidth="1"/>
    <col min="11012" max="11012" width="9.85546875" style="219" customWidth="1"/>
    <col min="11013" max="11013" width="30.28515625" style="219" customWidth="1"/>
    <col min="11014" max="11014" width="23.85546875" style="219" customWidth="1"/>
    <col min="11015" max="11015" width="14.5703125" style="219" customWidth="1"/>
    <col min="11016" max="11016" width="20.28515625" style="219" customWidth="1"/>
    <col min="11017" max="11017" width="16.85546875" style="219" customWidth="1"/>
    <col min="11018" max="11018" width="18.5703125" style="219" customWidth="1"/>
    <col min="11019" max="11019" width="13.5703125" style="219" customWidth="1"/>
    <col min="11020" max="11020" width="12.140625" style="219" customWidth="1"/>
    <col min="11021" max="11021" width="13.5703125" style="219" customWidth="1"/>
    <col min="11022" max="11022" width="1.7109375" style="219" customWidth="1"/>
    <col min="11023" max="11023" width="9.140625" style="219"/>
    <col min="11024" max="11024" width="9.42578125" style="219" bestFit="1" customWidth="1"/>
    <col min="11025" max="11265" width="9.140625" style="219"/>
    <col min="11266" max="11266" width="2.28515625" style="219" customWidth="1"/>
    <col min="11267" max="11267" width="3.85546875" style="219" customWidth="1"/>
    <col min="11268" max="11268" width="9.85546875" style="219" customWidth="1"/>
    <col min="11269" max="11269" width="30.28515625" style="219" customWidth="1"/>
    <col min="11270" max="11270" width="23.85546875" style="219" customWidth="1"/>
    <col min="11271" max="11271" width="14.5703125" style="219" customWidth="1"/>
    <col min="11272" max="11272" width="20.28515625" style="219" customWidth="1"/>
    <col min="11273" max="11273" width="16.85546875" style="219" customWidth="1"/>
    <col min="11274" max="11274" width="18.5703125" style="219" customWidth="1"/>
    <col min="11275" max="11275" width="13.5703125" style="219" customWidth="1"/>
    <col min="11276" max="11276" width="12.140625" style="219" customWidth="1"/>
    <col min="11277" max="11277" width="13.5703125" style="219" customWidth="1"/>
    <col min="11278" max="11278" width="1.7109375" style="219" customWidth="1"/>
    <col min="11279" max="11279" width="9.140625" style="219"/>
    <col min="11280" max="11280" width="9.42578125" style="219" bestFit="1" customWidth="1"/>
    <col min="11281" max="11521" width="9.140625" style="219"/>
    <col min="11522" max="11522" width="2.28515625" style="219" customWidth="1"/>
    <col min="11523" max="11523" width="3.85546875" style="219" customWidth="1"/>
    <col min="11524" max="11524" width="9.85546875" style="219" customWidth="1"/>
    <col min="11525" max="11525" width="30.28515625" style="219" customWidth="1"/>
    <col min="11526" max="11526" width="23.85546875" style="219" customWidth="1"/>
    <col min="11527" max="11527" width="14.5703125" style="219" customWidth="1"/>
    <col min="11528" max="11528" width="20.28515625" style="219" customWidth="1"/>
    <col min="11529" max="11529" width="16.85546875" style="219" customWidth="1"/>
    <col min="11530" max="11530" width="18.5703125" style="219" customWidth="1"/>
    <col min="11531" max="11531" width="13.5703125" style="219" customWidth="1"/>
    <col min="11532" max="11532" width="12.140625" style="219" customWidth="1"/>
    <col min="11533" max="11533" width="13.5703125" style="219" customWidth="1"/>
    <col min="11534" max="11534" width="1.7109375" style="219" customWidth="1"/>
    <col min="11535" max="11535" width="9.140625" style="219"/>
    <col min="11536" max="11536" width="9.42578125" style="219" bestFit="1" customWidth="1"/>
    <col min="11537" max="11777" width="9.140625" style="219"/>
    <col min="11778" max="11778" width="2.28515625" style="219" customWidth="1"/>
    <col min="11779" max="11779" width="3.85546875" style="219" customWidth="1"/>
    <col min="11780" max="11780" width="9.85546875" style="219" customWidth="1"/>
    <col min="11781" max="11781" width="30.28515625" style="219" customWidth="1"/>
    <col min="11782" max="11782" width="23.85546875" style="219" customWidth="1"/>
    <col min="11783" max="11783" width="14.5703125" style="219" customWidth="1"/>
    <col min="11784" max="11784" width="20.28515625" style="219" customWidth="1"/>
    <col min="11785" max="11785" width="16.85546875" style="219" customWidth="1"/>
    <col min="11786" max="11786" width="18.5703125" style="219" customWidth="1"/>
    <col min="11787" max="11787" width="13.5703125" style="219" customWidth="1"/>
    <col min="11788" max="11788" width="12.140625" style="219" customWidth="1"/>
    <col min="11789" max="11789" width="13.5703125" style="219" customWidth="1"/>
    <col min="11790" max="11790" width="1.7109375" style="219" customWidth="1"/>
    <col min="11791" max="11791" width="9.140625" style="219"/>
    <col min="11792" max="11792" width="9.42578125" style="219" bestFit="1" customWidth="1"/>
    <col min="11793" max="12033" width="9.140625" style="219"/>
    <col min="12034" max="12034" width="2.28515625" style="219" customWidth="1"/>
    <col min="12035" max="12035" width="3.85546875" style="219" customWidth="1"/>
    <col min="12036" max="12036" width="9.85546875" style="219" customWidth="1"/>
    <col min="12037" max="12037" width="30.28515625" style="219" customWidth="1"/>
    <col min="12038" max="12038" width="23.85546875" style="219" customWidth="1"/>
    <col min="12039" max="12039" width="14.5703125" style="219" customWidth="1"/>
    <col min="12040" max="12040" width="20.28515625" style="219" customWidth="1"/>
    <col min="12041" max="12041" width="16.85546875" style="219" customWidth="1"/>
    <col min="12042" max="12042" width="18.5703125" style="219" customWidth="1"/>
    <col min="12043" max="12043" width="13.5703125" style="219" customWidth="1"/>
    <col min="12044" max="12044" width="12.140625" style="219" customWidth="1"/>
    <col min="12045" max="12045" width="13.5703125" style="219" customWidth="1"/>
    <col min="12046" max="12046" width="1.7109375" style="219" customWidth="1"/>
    <col min="12047" max="12047" width="9.140625" style="219"/>
    <col min="12048" max="12048" width="9.42578125" style="219" bestFit="1" customWidth="1"/>
    <col min="12049" max="12289" width="9.140625" style="219"/>
    <col min="12290" max="12290" width="2.28515625" style="219" customWidth="1"/>
    <col min="12291" max="12291" width="3.85546875" style="219" customWidth="1"/>
    <col min="12292" max="12292" width="9.85546875" style="219" customWidth="1"/>
    <col min="12293" max="12293" width="30.28515625" style="219" customWidth="1"/>
    <col min="12294" max="12294" width="23.85546875" style="219" customWidth="1"/>
    <col min="12295" max="12295" width="14.5703125" style="219" customWidth="1"/>
    <col min="12296" max="12296" width="20.28515625" style="219" customWidth="1"/>
    <col min="12297" max="12297" width="16.85546875" style="219" customWidth="1"/>
    <col min="12298" max="12298" width="18.5703125" style="219" customWidth="1"/>
    <col min="12299" max="12299" width="13.5703125" style="219" customWidth="1"/>
    <col min="12300" max="12300" width="12.140625" style="219" customWidth="1"/>
    <col min="12301" max="12301" width="13.5703125" style="219" customWidth="1"/>
    <col min="12302" max="12302" width="1.7109375" style="219" customWidth="1"/>
    <col min="12303" max="12303" width="9.140625" style="219"/>
    <col min="12304" max="12304" width="9.42578125" style="219" bestFit="1" customWidth="1"/>
    <col min="12305" max="12545" width="9.140625" style="219"/>
    <col min="12546" max="12546" width="2.28515625" style="219" customWidth="1"/>
    <col min="12547" max="12547" width="3.85546875" style="219" customWidth="1"/>
    <col min="12548" max="12548" width="9.85546875" style="219" customWidth="1"/>
    <col min="12549" max="12549" width="30.28515625" style="219" customWidth="1"/>
    <col min="12550" max="12550" width="23.85546875" style="219" customWidth="1"/>
    <col min="12551" max="12551" width="14.5703125" style="219" customWidth="1"/>
    <col min="12552" max="12552" width="20.28515625" style="219" customWidth="1"/>
    <col min="12553" max="12553" width="16.85546875" style="219" customWidth="1"/>
    <col min="12554" max="12554" width="18.5703125" style="219" customWidth="1"/>
    <col min="12555" max="12555" width="13.5703125" style="219" customWidth="1"/>
    <col min="12556" max="12556" width="12.140625" style="219" customWidth="1"/>
    <col min="12557" max="12557" width="13.5703125" style="219" customWidth="1"/>
    <col min="12558" max="12558" width="1.7109375" style="219" customWidth="1"/>
    <col min="12559" max="12559" width="9.140625" style="219"/>
    <col min="12560" max="12560" width="9.42578125" style="219" bestFit="1" customWidth="1"/>
    <col min="12561" max="12801" width="9.140625" style="219"/>
    <col min="12802" max="12802" width="2.28515625" style="219" customWidth="1"/>
    <col min="12803" max="12803" width="3.85546875" style="219" customWidth="1"/>
    <col min="12804" max="12804" width="9.85546875" style="219" customWidth="1"/>
    <col min="12805" max="12805" width="30.28515625" style="219" customWidth="1"/>
    <col min="12806" max="12806" width="23.85546875" style="219" customWidth="1"/>
    <col min="12807" max="12807" width="14.5703125" style="219" customWidth="1"/>
    <col min="12808" max="12808" width="20.28515625" style="219" customWidth="1"/>
    <col min="12809" max="12809" width="16.85546875" style="219" customWidth="1"/>
    <col min="12810" max="12810" width="18.5703125" style="219" customWidth="1"/>
    <col min="12811" max="12811" width="13.5703125" style="219" customWidth="1"/>
    <col min="12812" max="12812" width="12.140625" style="219" customWidth="1"/>
    <col min="12813" max="12813" width="13.5703125" style="219" customWidth="1"/>
    <col min="12814" max="12814" width="1.7109375" style="219" customWidth="1"/>
    <col min="12815" max="12815" width="9.140625" style="219"/>
    <col min="12816" max="12816" width="9.42578125" style="219" bestFit="1" customWidth="1"/>
    <col min="12817" max="13057" width="9.140625" style="219"/>
    <col min="13058" max="13058" width="2.28515625" style="219" customWidth="1"/>
    <col min="13059" max="13059" width="3.85546875" style="219" customWidth="1"/>
    <col min="13060" max="13060" width="9.85546875" style="219" customWidth="1"/>
    <col min="13061" max="13061" width="30.28515625" style="219" customWidth="1"/>
    <col min="13062" max="13062" width="23.85546875" style="219" customWidth="1"/>
    <col min="13063" max="13063" width="14.5703125" style="219" customWidth="1"/>
    <col min="13064" max="13064" width="20.28515625" style="219" customWidth="1"/>
    <col min="13065" max="13065" width="16.85546875" style="219" customWidth="1"/>
    <col min="13066" max="13066" width="18.5703125" style="219" customWidth="1"/>
    <col min="13067" max="13067" width="13.5703125" style="219" customWidth="1"/>
    <col min="13068" max="13068" width="12.140625" style="219" customWidth="1"/>
    <col min="13069" max="13069" width="13.5703125" style="219" customWidth="1"/>
    <col min="13070" max="13070" width="1.7109375" style="219" customWidth="1"/>
    <col min="13071" max="13071" width="9.140625" style="219"/>
    <col min="13072" max="13072" width="9.42578125" style="219" bestFit="1" customWidth="1"/>
    <col min="13073" max="13313" width="9.140625" style="219"/>
    <col min="13314" max="13314" width="2.28515625" style="219" customWidth="1"/>
    <col min="13315" max="13315" width="3.85546875" style="219" customWidth="1"/>
    <col min="13316" max="13316" width="9.85546875" style="219" customWidth="1"/>
    <col min="13317" max="13317" width="30.28515625" style="219" customWidth="1"/>
    <col min="13318" max="13318" width="23.85546875" style="219" customWidth="1"/>
    <col min="13319" max="13319" width="14.5703125" style="219" customWidth="1"/>
    <col min="13320" max="13320" width="20.28515625" style="219" customWidth="1"/>
    <col min="13321" max="13321" width="16.85546875" style="219" customWidth="1"/>
    <col min="13322" max="13322" width="18.5703125" style="219" customWidth="1"/>
    <col min="13323" max="13323" width="13.5703125" style="219" customWidth="1"/>
    <col min="13324" max="13324" width="12.140625" style="219" customWidth="1"/>
    <col min="13325" max="13325" width="13.5703125" style="219" customWidth="1"/>
    <col min="13326" max="13326" width="1.7109375" style="219" customWidth="1"/>
    <col min="13327" max="13327" width="9.140625" style="219"/>
    <col min="13328" max="13328" width="9.42578125" style="219" bestFit="1" customWidth="1"/>
    <col min="13329" max="13569" width="9.140625" style="219"/>
    <col min="13570" max="13570" width="2.28515625" style="219" customWidth="1"/>
    <col min="13571" max="13571" width="3.85546875" style="219" customWidth="1"/>
    <col min="13572" max="13572" width="9.85546875" style="219" customWidth="1"/>
    <col min="13573" max="13573" width="30.28515625" style="219" customWidth="1"/>
    <col min="13574" max="13574" width="23.85546875" style="219" customWidth="1"/>
    <col min="13575" max="13575" width="14.5703125" style="219" customWidth="1"/>
    <col min="13576" max="13576" width="20.28515625" style="219" customWidth="1"/>
    <col min="13577" max="13577" width="16.85546875" style="219" customWidth="1"/>
    <col min="13578" max="13578" width="18.5703125" style="219" customWidth="1"/>
    <col min="13579" max="13579" width="13.5703125" style="219" customWidth="1"/>
    <col min="13580" max="13580" width="12.140625" style="219" customWidth="1"/>
    <col min="13581" max="13581" width="13.5703125" style="219" customWidth="1"/>
    <col min="13582" max="13582" width="1.7109375" style="219" customWidth="1"/>
    <col min="13583" max="13583" width="9.140625" style="219"/>
    <col min="13584" max="13584" width="9.42578125" style="219" bestFit="1" customWidth="1"/>
    <col min="13585" max="13825" width="9.140625" style="219"/>
    <col min="13826" max="13826" width="2.28515625" style="219" customWidth="1"/>
    <col min="13827" max="13827" width="3.85546875" style="219" customWidth="1"/>
    <col min="13828" max="13828" width="9.85546875" style="219" customWidth="1"/>
    <col min="13829" max="13829" width="30.28515625" style="219" customWidth="1"/>
    <col min="13830" max="13830" width="23.85546875" style="219" customWidth="1"/>
    <col min="13831" max="13831" width="14.5703125" style="219" customWidth="1"/>
    <col min="13832" max="13832" width="20.28515625" style="219" customWidth="1"/>
    <col min="13833" max="13833" width="16.85546875" style="219" customWidth="1"/>
    <col min="13834" max="13834" width="18.5703125" style="219" customWidth="1"/>
    <col min="13835" max="13835" width="13.5703125" style="219" customWidth="1"/>
    <col min="13836" max="13836" width="12.140625" style="219" customWidth="1"/>
    <col min="13837" max="13837" width="13.5703125" style="219" customWidth="1"/>
    <col min="13838" max="13838" width="1.7109375" style="219" customWidth="1"/>
    <col min="13839" max="13839" width="9.140625" style="219"/>
    <col min="13840" max="13840" width="9.42578125" style="219" bestFit="1" customWidth="1"/>
    <col min="13841" max="14081" width="9.140625" style="219"/>
    <col min="14082" max="14082" width="2.28515625" style="219" customWidth="1"/>
    <col min="14083" max="14083" width="3.85546875" style="219" customWidth="1"/>
    <col min="14084" max="14084" width="9.85546875" style="219" customWidth="1"/>
    <col min="14085" max="14085" width="30.28515625" style="219" customWidth="1"/>
    <col min="14086" max="14086" width="23.85546875" style="219" customWidth="1"/>
    <col min="14087" max="14087" width="14.5703125" style="219" customWidth="1"/>
    <col min="14088" max="14088" width="20.28515625" style="219" customWidth="1"/>
    <col min="14089" max="14089" width="16.85546875" style="219" customWidth="1"/>
    <col min="14090" max="14090" width="18.5703125" style="219" customWidth="1"/>
    <col min="14091" max="14091" width="13.5703125" style="219" customWidth="1"/>
    <col min="14092" max="14092" width="12.140625" style="219" customWidth="1"/>
    <col min="14093" max="14093" width="13.5703125" style="219" customWidth="1"/>
    <col min="14094" max="14094" width="1.7109375" style="219" customWidth="1"/>
    <col min="14095" max="14095" width="9.140625" style="219"/>
    <col min="14096" max="14096" width="9.42578125" style="219" bestFit="1" customWidth="1"/>
    <col min="14097" max="14337" width="9.140625" style="219"/>
    <col min="14338" max="14338" width="2.28515625" style="219" customWidth="1"/>
    <col min="14339" max="14339" width="3.85546875" style="219" customWidth="1"/>
    <col min="14340" max="14340" width="9.85546875" style="219" customWidth="1"/>
    <col min="14341" max="14341" width="30.28515625" style="219" customWidth="1"/>
    <col min="14342" max="14342" width="23.85546875" style="219" customWidth="1"/>
    <col min="14343" max="14343" width="14.5703125" style="219" customWidth="1"/>
    <col min="14344" max="14344" width="20.28515625" style="219" customWidth="1"/>
    <col min="14345" max="14345" width="16.85546875" style="219" customWidth="1"/>
    <col min="14346" max="14346" width="18.5703125" style="219" customWidth="1"/>
    <col min="14347" max="14347" width="13.5703125" style="219" customWidth="1"/>
    <col min="14348" max="14348" width="12.140625" style="219" customWidth="1"/>
    <col min="14349" max="14349" width="13.5703125" style="219" customWidth="1"/>
    <col min="14350" max="14350" width="1.7109375" style="219" customWidth="1"/>
    <col min="14351" max="14351" width="9.140625" style="219"/>
    <col min="14352" max="14352" width="9.42578125" style="219" bestFit="1" customWidth="1"/>
    <col min="14353" max="14593" width="9.140625" style="219"/>
    <col min="14594" max="14594" width="2.28515625" style="219" customWidth="1"/>
    <col min="14595" max="14595" width="3.85546875" style="219" customWidth="1"/>
    <col min="14596" max="14596" width="9.85546875" style="219" customWidth="1"/>
    <col min="14597" max="14597" width="30.28515625" style="219" customWidth="1"/>
    <col min="14598" max="14598" width="23.85546875" style="219" customWidth="1"/>
    <col min="14599" max="14599" width="14.5703125" style="219" customWidth="1"/>
    <col min="14600" max="14600" width="20.28515625" style="219" customWidth="1"/>
    <col min="14601" max="14601" width="16.85546875" style="219" customWidth="1"/>
    <col min="14602" max="14602" width="18.5703125" style="219" customWidth="1"/>
    <col min="14603" max="14603" width="13.5703125" style="219" customWidth="1"/>
    <col min="14604" max="14604" width="12.140625" style="219" customWidth="1"/>
    <col min="14605" max="14605" width="13.5703125" style="219" customWidth="1"/>
    <col min="14606" max="14606" width="1.7109375" style="219" customWidth="1"/>
    <col min="14607" max="14607" width="9.140625" style="219"/>
    <col min="14608" max="14608" width="9.42578125" style="219" bestFit="1" customWidth="1"/>
    <col min="14609" max="14849" width="9.140625" style="219"/>
    <col min="14850" max="14850" width="2.28515625" style="219" customWidth="1"/>
    <col min="14851" max="14851" width="3.85546875" style="219" customWidth="1"/>
    <col min="14852" max="14852" width="9.85546875" style="219" customWidth="1"/>
    <col min="14853" max="14853" width="30.28515625" style="219" customWidth="1"/>
    <col min="14854" max="14854" width="23.85546875" style="219" customWidth="1"/>
    <col min="14855" max="14855" width="14.5703125" style="219" customWidth="1"/>
    <col min="14856" max="14856" width="20.28515625" style="219" customWidth="1"/>
    <col min="14857" max="14857" width="16.85546875" style="219" customWidth="1"/>
    <col min="14858" max="14858" width="18.5703125" style="219" customWidth="1"/>
    <col min="14859" max="14859" width="13.5703125" style="219" customWidth="1"/>
    <col min="14860" max="14860" width="12.140625" style="219" customWidth="1"/>
    <col min="14861" max="14861" width="13.5703125" style="219" customWidth="1"/>
    <col min="14862" max="14862" width="1.7109375" style="219" customWidth="1"/>
    <col min="14863" max="14863" width="9.140625" style="219"/>
    <col min="14864" max="14864" width="9.42578125" style="219" bestFit="1" customWidth="1"/>
    <col min="14865" max="15105" width="9.140625" style="219"/>
    <col min="15106" max="15106" width="2.28515625" style="219" customWidth="1"/>
    <col min="15107" max="15107" width="3.85546875" style="219" customWidth="1"/>
    <col min="15108" max="15108" width="9.85546875" style="219" customWidth="1"/>
    <col min="15109" max="15109" width="30.28515625" style="219" customWidth="1"/>
    <col min="15110" max="15110" width="23.85546875" style="219" customWidth="1"/>
    <col min="15111" max="15111" width="14.5703125" style="219" customWidth="1"/>
    <col min="15112" max="15112" width="20.28515625" style="219" customWidth="1"/>
    <col min="15113" max="15113" width="16.85546875" style="219" customWidth="1"/>
    <col min="15114" max="15114" width="18.5703125" style="219" customWidth="1"/>
    <col min="15115" max="15115" width="13.5703125" style="219" customWidth="1"/>
    <col min="15116" max="15116" width="12.140625" style="219" customWidth="1"/>
    <col min="15117" max="15117" width="13.5703125" style="219" customWidth="1"/>
    <col min="15118" max="15118" width="1.7109375" style="219" customWidth="1"/>
    <col min="15119" max="15119" width="9.140625" style="219"/>
    <col min="15120" max="15120" width="9.42578125" style="219" bestFit="1" customWidth="1"/>
    <col min="15121" max="15361" width="9.140625" style="219"/>
    <col min="15362" max="15362" width="2.28515625" style="219" customWidth="1"/>
    <col min="15363" max="15363" width="3.85546875" style="219" customWidth="1"/>
    <col min="15364" max="15364" width="9.85546875" style="219" customWidth="1"/>
    <col min="15365" max="15365" width="30.28515625" style="219" customWidth="1"/>
    <col min="15366" max="15366" width="23.85546875" style="219" customWidth="1"/>
    <col min="15367" max="15367" width="14.5703125" style="219" customWidth="1"/>
    <col min="15368" max="15368" width="20.28515625" style="219" customWidth="1"/>
    <col min="15369" max="15369" width="16.85546875" style="219" customWidth="1"/>
    <col min="15370" max="15370" width="18.5703125" style="219" customWidth="1"/>
    <col min="15371" max="15371" width="13.5703125" style="219" customWidth="1"/>
    <col min="15372" max="15372" width="12.140625" style="219" customWidth="1"/>
    <col min="15373" max="15373" width="13.5703125" style="219" customWidth="1"/>
    <col min="15374" max="15374" width="1.7109375" style="219" customWidth="1"/>
    <col min="15375" max="15375" width="9.140625" style="219"/>
    <col min="15376" max="15376" width="9.42578125" style="219" bestFit="1" customWidth="1"/>
    <col min="15377" max="15617" width="9.140625" style="219"/>
    <col min="15618" max="15618" width="2.28515625" style="219" customWidth="1"/>
    <col min="15619" max="15619" width="3.85546875" style="219" customWidth="1"/>
    <col min="15620" max="15620" width="9.85546875" style="219" customWidth="1"/>
    <col min="15621" max="15621" width="30.28515625" style="219" customWidth="1"/>
    <col min="15622" max="15622" width="23.85546875" style="219" customWidth="1"/>
    <col min="15623" max="15623" width="14.5703125" style="219" customWidth="1"/>
    <col min="15624" max="15624" width="20.28515625" style="219" customWidth="1"/>
    <col min="15625" max="15625" width="16.85546875" style="219" customWidth="1"/>
    <col min="15626" max="15626" width="18.5703125" style="219" customWidth="1"/>
    <col min="15627" max="15627" width="13.5703125" style="219" customWidth="1"/>
    <col min="15628" max="15628" width="12.140625" style="219" customWidth="1"/>
    <col min="15629" max="15629" width="13.5703125" style="219" customWidth="1"/>
    <col min="15630" max="15630" width="1.7109375" style="219" customWidth="1"/>
    <col min="15631" max="15631" width="9.140625" style="219"/>
    <col min="15632" max="15632" width="9.42578125" style="219" bestFit="1" customWidth="1"/>
    <col min="15633" max="15873" width="9.140625" style="219"/>
    <col min="15874" max="15874" width="2.28515625" style="219" customWidth="1"/>
    <col min="15875" max="15875" width="3.85546875" style="219" customWidth="1"/>
    <col min="15876" max="15876" width="9.85546875" style="219" customWidth="1"/>
    <col min="15877" max="15877" width="30.28515625" style="219" customWidth="1"/>
    <col min="15878" max="15878" width="23.85546875" style="219" customWidth="1"/>
    <col min="15879" max="15879" width="14.5703125" style="219" customWidth="1"/>
    <col min="15880" max="15880" width="20.28515625" style="219" customWidth="1"/>
    <col min="15881" max="15881" width="16.85546875" style="219" customWidth="1"/>
    <col min="15882" max="15882" width="18.5703125" style="219" customWidth="1"/>
    <col min="15883" max="15883" width="13.5703125" style="219" customWidth="1"/>
    <col min="15884" max="15884" width="12.140625" style="219" customWidth="1"/>
    <col min="15885" max="15885" width="13.5703125" style="219" customWidth="1"/>
    <col min="15886" max="15886" width="1.7109375" style="219" customWidth="1"/>
    <col min="15887" max="15887" width="9.140625" style="219"/>
    <col min="15888" max="15888" width="9.42578125" style="219" bestFit="1" customWidth="1"/>
    <col min="15889" max="16129" width="9.140625" style="219"/>
    <col min="16130" max="16130" width="2.28515625" style="219" customWidth="1"/>
    <col min="16131" max="16131" width="3.85546875" style="219" customWidth="1"/>
    <col min="16132" max="16132" width="9.85546875" style="219" customWidth="1"/>
    <col min="16133" max="16133" width="30.28515625" style="219" customWidth="1"/>
    <col min="16134" max="16134" width="23.85546875" style="219" customWidth="1"/>
    <col min="16135" max="16135" width="14.5703125" style="219" customWidth="1"/>
    <col min="16136" max="16136" width="20.28515625" style="219" customWidth="1"/>
    <col min="16137" max="16137" width="16.85546875" style="219" customWidth="1"/>
    <col min="16138" max="16138" width="18.5703125" style="219" customWidth="1"/>
    <col min="16139" max="16139" width="13.5703125" style="219" customWidth="1"/>
    <col min="16140" max="16140" width="12.140625" style="219" customWidth="1"/>
    <col min="16141" max="16141" width="13.5703125" style="219" customWidth="1"/>
    <col min="16142" max="16142" width="1.7109375" style="219" customWidth="1"/>
    <col min="16143" max="16143" width="9.140625" style="219"/>
    <col min="16144" max="16144" width="9.42578125" style="219" bestFit="1" customWidth="1"/>
    <col min="16145" max="16384" width="9.140625" style="219"/>
  </cols>
  <sheetData>
    <row r="1" spans="1:14" ht="15" hidden="1" customHeight="1">
      <c r="A1" s="224"/>
      <c r="B1" s="239" t="s">
        <v>1075</v>
      </c>
      <c r="C1" s="224"/>
      <c r="D1" s="224"/>
      <c r="E1" s="224"/>
      <c r="F1" s="224"/>
      <c r="G1" s="224"/>
      <c r="H1" s="224"/>
      <c r="I1" s="224"/>
      <c r="J1" s="224"/>
      <c r="K1" s="224"/>
      <c r="L1" s="224"/>
      <c r="M1" s="380"/>
    </row>
    <row r="2" spans="1:14" ht="15" customHeight="1" thickBot="1">
      <c r="A2" s="224"/>
      <c r="B2" s="242"/>
      <c r="C2" s="224"/>
      <c r="D2" s="224"/>
      <c r="E2" s="224"/>
      <c r="F2" s="224"/>
      <c r="G2" s="224"/>
      <c r="H2" s="224"/>
      <c r="I2" s="224"/>
      <c r="J2" s="224"/>
      <c r="K2" s="224"/>
      <c r="L2" s="224"/>
      <c r="M2" s="224"/>
    </row>
    <row r="3" spans="1:14" ht="24" customHeight="1">
      <c r="A3" s="224"/>
      <c r="B3" s="536" t="s">
        <v>1011</v>
      </c>
      <c r="C3" s="537"/>
      <c r="D3" s="537"/>
      <c r="E3" s="537"/>
      <c r="F3" s="537"/>
      <c r="G3" s="537"/>
      <c r="H3" s="538"/>
      <c r="I3" s="224"/>
      <c r="J3" s="381" t="s">
        <v>1076</v>
      </c>
      <c r="K3" s="545"/>
      <c r="L3" s="545"/>
      <c r="M3" s="545"/>
    </row>
    <row r="4" spans="1:14" ht="24" customHeight="1">
      <c r="A4" s="224"/>
      <c r="B4" s="539"/>
      <c r="C4" s="540"/>
      <c r="D4" s="540"/>
      <c r="E4" s="540"/>
      <c r="F4" s="540"/>
      <c r="G4" s="540"/>
      <c r="H4" s="541"/>
      <c r="I4" s="224"/>
      <c r="J4" s="381" t="s">
        <v>1077</v>
      </c>
      <c r="K4" s="546"/>
      <c r="L4" s="546"/>
      <c r="M4" s="546"/>
    </row>
    <row r="5" spans="1:14" ht="24" customHeight="1" thickBot="1">
      <c r="A5" s="224"/>
      <c r="B5" s="542"/>
      <c r="C5" s="543"/>
      <c r="D5" s="543"/>
      <c r="E5" s="543"/>
      <c r="F5" s="543"/>
      <c r="G5" s="543"/>
      <c r="H5" s="544"/>
      <c r="I5" s="224"/>
      <c r="J5" s="547" t="s">
        <v>1078</v>
      </c>
      <c r="K5" s="549"/>
      <c r="L5" s="549"/>
      <c r="M5" s="549"/>
    </row>
    <row r="6" spans="1:14" ht="6" customHeight="1">
      <c r="A6" s="224"/>
      <c r="B6" s="242"/>
      <c r="C6" s="224"/>
      <c r="D6" s="224"/>
      <c r="E6" s="224"/>
      <c r="F6" s="224"/>
      <c r="G6" s="224"/>
      <c r="H6" s="382"/>
      <c r="I6" s="224"/>
      <c r="J6" s="548"/>
      <c r="K6" s="550"/>
      <c r="L6" s="550"/>
      <c r="M6" s="550"/>
    </row>
    <row r="7" spans="1:14" ht="15.75" customHeight="1">
      <c r="A7" s="224"/>
      <c r="B7" s="242"/>
      <c r="C7" s="224"/>
      <c r="D7" s="224"/>
      <c r="E7" s="224"/>
      <c r="F7" s="224"/>
      <c r="G7" s="224"/>
      <c r="H7" s="224"/>
      <c r="I7" s="224"/>
      <c r="J7" s="383"/>
      <c r="K7" s="551"/>
      <c r="L7" s="551"/>
      <c r="M7" s="384"/>
    </row>
    <row r="8" spans="1:14" ht="24" customHeight="1">
      <c r="A8" s="224"/>
      <c r="B8" s="559" t="s">
        <v>1079</v>
      </c>
      <c r="C8" s="560"/>
      <c r="D8" s="560"/>
      <c r="E8" s="560"/>
      <c r="F8" s="560"/>
      <c r="G8" s="560"/>
      <c r="H8" s="560"/>
      <c r="I8" s="560"/>
      <c r="J8" s="560"/>
      <c r="K8" s="560"/>
      <c r="L8" s="560"/>
      <c r="M8" s="560"/>
      <c r="N8" s="560"/>
    </row>
    <row r="9" spans="1:14" ht="24" customHeight="1">
      <c r="A9" s="224"/>
      <c r="B9" s="223" t="s">
        <v>1080</v>
      </c>
      <c r="C9" s="224"/>
      <c r="D9" s="224"/>
      <c r="E9" s="224"/>
      <c r="F9" s="224"/>
      <c r="G9" s="224"/>
      <c r="H9" s="224"/>
      <c r="I9" s="224"/>
      <c r="J9" s="224"/>
      <c r="K9" s="224"/>
      <c r="L9" s="224"/>
      <c r="M9" s="224"/>
    </row>
    <row r="10" spans="1:14" s="385" customFormat="1" ht="20.100000000000001" customHeight="1">
      <c r="A10" s="227"/>
      <c r="B10" s="242"/>
      <c r="C10" s="224" t="s">
        <v>1081</v>
      </c>
      <c r="D10" s="225"/>
      <c r="E10" s="225"/>
      <c r="H10" s="561"/>
      <c r="I10" s="561"/>
      <c r="J10" s="561"/>
      <c r="K10" s="227"/>
      <c r="L10" s="227"/>
      <c r="M10" s="227"/>
    </row>
    <row r="11" spans="1:14" s="385" customFormat="1" ht="20.100000000000001" customHeight="1">
      <c r="A11" s="227"/>
      <c r="B11" s="242"/>
      <c r="C11" s="224" t="s">
        <v>1082</v>
      </c>
      <c r="D11" s="225"/>
      <c r="E11" s="225"/>
      <c r="H11" s="561"/>
      <c r="I11" s="561"/>
      <c r="J11" s="561"/>
      <c r="K11" s="227"/>
      <c r="L11" s="227"/>
      <c r="M11" s="227"/>
    </row>
    <row r="12" spans="1:14" s="385" customFormat="1" ht="20.100000000000001" customHeight="1">
      <c r="A12" s="227"/>
      <c r="B12" s="242"/>
      <c r="C12" s="224" t="s">
        <v>1083</v>
      </c>
      <c r="D12" s="225"/>
      <c r="E12" s="225"/>
      <c r="H12" s="561"/>
      <c r="I12" s="561"/>
      <c r="J12" s="561"/>
      <c r="K12" s="227"/>
      <c r="L12" s="227"/>
      <c r="M12" s="227"/>
    </row>
    <row r="13" spans="1:14" s="385" customFormat="1" ht="20.100000000000001" customHeight="1">
      <c r="A13" s="227"/>
      <c r="B13" s="242"/>
      <c r="C13" s="224" t="s">
        <v>1084</v>
      </c>
      <c r="D13" s="225"/>
      <c r="E13" s="225"/>
      <c r="H13" s="561"/>
      <c r="I13" s="561"/>
      <c r="J13" s="561"/>
      <c r="K13" s="227"/>
      <c r="L13" s="227"/>
      <c r="M13" s="227"/>
    </row>
    <row r="14" spans="1:14" s="385" customFormat="1" ht="15.75" customHeight="1">
      <c r="A14" s="227"/>
      <c r="B14" s="242"/>
      <c r="C14" s="224"/>
      <c r="D14" s="225"/>
      <c r="E14" s="225"/>
      <c r="H14" s="386"/>
      <c r="I14" s="386"/>
      <c r="J14" s="386"/>
      <c r="K14" s="227"/>
      <c r="L14" s="227"/>
      <c r="M14" s="227"/>
    </row>
    <row r="15" spans="1:14" s="385" customFormat="1" ht="24" customHeight="1">
      <c r="A15" s="227"/>
      <c r="B15" s="223" t="s">
        <v>1085</v>
      </c>
      <c r="C15" s="224"/>
      <c r="D15" s="225"/>
      <c r="E15" s="225"/>
      <c r="F15" s="226"/>
      <c r="G15" s="226"/>
      <c r="H15" s="226"/>
      <c r="I15" s="227"/>
      <c r="J15" s="227"/>
      <c r="K15" s="227"/>
      <c r="L15" s="227"/>
      <c r="M15" s="227"/>
    </row>
    <row r="16" spans="1:14" s="385" customFormat="1" ht="24" customHeight="1">
      <c r="A16" s="227"/>
      <c r="B16" s="199" t="s">
        <v>1086</v>
      </c>
      <c r="C16" s="224"/>
      <c r="D16" s="225"/>
      <c r="E16" s="225"/>
      <c r="F16" s="226"/>
      <c r="G16" s="226"/>
      <c r="H16" s="226"/>
      <c r="I16" s="227"/>
      <c r="J16" s="227"/>
      <c r="K16" s="227"/>
      <c r="L16" s="227"/>
      <c r="M16" s="227"/>
    </row>
    <row r="17" spans="1:13" s="385" customFormat="1" ht="16.5" customHeight="1" thickBot="1">
      <c r="A17" s="227"/>
      <c r="B17" s="387"/>
      <c r="C17" s="200" t="s">
        <v>350</v>
      </c>
      <c r="D17" s="319" t="s">
        <v>1087</v>
      </c>
      <c r="E17" s="312" t="s">
        <v>1012</v>
      </c>
      <c r="F17" s="562" t="s">
        <v>1088</v>
      </c>
      <c r="G17" s="563"/>
      <c r="H17" s="563"/>
      <c r="I17" s="563"/>
      <c r="J17" s="563"/>
      <c r="K17" s="564"/>
      <c r="L17" s="562" t="s">
        <v>1089</v>
      </c>
      <c r="M17" s="564"/>
    </row>
    <row r="18" spans="1:13" s="385" customFormat="1" ht="57" customHeight="1">
      <c r="A18" s="227"/>
      <c r="B18" s="387"/>
      <c r="C18" s="552">
        <v>1</v>
      </c>
      <c r="D18" s="201" t="s">
        <v>1090</v>
      </c>
      <c r="E18" s="202" t="s">
        <v>1</v>
      </c>
      <c r="F18" s="554" t="s">
        <v>1091</v>
      </c>
      <c r="G18" s="555"/>
      <c r="H18" s="555"/>
      <c r="I18" s="555"/>
      <c r="J18" s="555"/>
      <c r="K18" s="556"/>
      <c r="L18" s="557" t="s">
        <v>834</v>
      </c>
      <c r="M18" s="558"/>
    </row>
    <row r="19" spans="1:13" s="385" customFormat="1" ht="57" customHeight="1">
      <c r="A19" s="227"/>
      <c r="B19" s="387"/>
      <c r="C19" s="553"/>
      <c r="D19" s="203" t="s">
        <v>1092</v>
      </c>
      <c r="E19" s="202" t="s">
        <v>1</v>
      </c>
      <c r="F19" s="533" t="s">
        <v>1091</v>
      </c>
      <c r="G19" s="533"/>
      <c r="H19" s="533"/>
      <c r="I19" s="533"/>
      <c r="J19" s="533"/>
      <c r="K19" s="533"/>
      <c r="L19" s="534" t="s">
        <v>834</v>
      </c>
      <c r="M19" s="535"/>
    </row>
    <row r="20" spans="1:13" s="385" customFormat="1" ht="57" customHeight="1">
      <c r="A20" s="227"/>
      <c r="B20" s="387"/>
      <c r="C20" s="553"/>
      <c r="D20" s="203" t="s">
        <v>1093</v>
      </c>
      <c r="E20" s="202" t="s">
        <v>1</v>
      </c>
      <c r="F20" s="533" t="s">
        <v>1091</v>
      </c>
      <c r="G20" s="533"/>
      <c r="H20" s="533"/>
      <c r="I20" s="533"/>
      <c r="J20" s="533"/>
      <c r="K20" s="533"/>
      <c r="L20" s="534" t="s">
        <v>834</v>
      </c>
      <c r="M20" s="535"/>
    </row>
    <row r="21" spans="1:13" s="385" customFormat="1" ht="57" customHeight="1">
      <c r="A21" s="227"/>
      <c r="B21" s="387"/>
      <c r="C21" s="204">
        <v>2</v>
      </c>
      <c r="D21" s="201" t="s">
        <v>351</v>
      </c>
      <c r="E21" s="202" t="s">
        <v>1</v>
      </c>
      <c r="F21" s="533" t="s">
        <v>1013</v>
      </c>
      <c r="G21" s="533"/>
      <c r="H21" s="533"/>
      <c r="I21" s="533"/>
      <c r="J21" s="533"/>
      <c r="K21" s="533"/>
      <c r="L21" s="534" t="s">
        <v>834</v>
      </c>
      <c r="M21" s="535"/>
    </row>
    <row r="22" spans="1:13" s="385" customFormat="1" ht="57" customHeight="1">
      <c r="A22" s="227"/>
      <c r="B22" s="387"/>
      <c r="C22" s="205">
        <v>3</v>
      </c>
      <c r="D22" s="201" t="s">
        <v>934</v>
      </c>
      <c r="E22" s="202" t="s">
        <v>1</v>
      </c>
      <c r="F22" s="533" t="s">
        <v>1091</v>
      </c>
      <c r="G22" s="533"/>
      <c r="H22" s="533"/>
      <c r="I22" s="533"/>
      <c r="J22" s="533"/>
      <c r="K22" s="533"/>
      <c r="L22" s="534" t="s">
        <v>834</v>
      </c>
      <c r="M22" s="535"/>
    </row>
    <row r="23" spans="1:13" s="385" customFormat="1" ht="57" customHeight="1">
      <c r="A23" s="227"/>
      <c r="B23" s="387"/>
      <c r="C23" s="205">
        <v>4</v>
      </c>
      <c r="D23" s="201" t="s">
        <v>1094</v>
      </c>
      <c r="E23" s="201" t="s">
        <v>352</v>
      </c>
      <c r="F23" s="533" t="s">
        <v>1095</v>
      </c>
      <c r="G23" s="533"/>
      <c r="H23" s="533"/>
      <c r="I23" s="533"/>
      <c r="J23" s="533"/>
      <c r="K23" s="533"/>
      <c r="L23" s="534" t="s">
        <v>834</v>
      </c>
      <c r="M23" s="535"/>
    </row>
    <row r="24" spans="1:13" s="385" customFormat="1" ht="57" customHeight="1">
      <c r="A24" s="227"/>
      <c r="B24" s="387"/>
      <c r="C24" s="205">
        <v>5</v>
      </c>
      <c r="D24" s="201" t="s">
        <v>1096</v>
      </c>
      <c r="E24" s="202" t="s">
        <v>353</v>
      </c>
      <c r="F24" s="533" t="s">
        <v>1097</v>
      </c>
      <c r="G24" s="533"/>
      <c r="H24" s="533"/>
      <c r="I24" s="533"/>
      <c r="J24" s="533"/>
      <c r="K24" s="533"/>
      <c r="L24" s="534" t="s">
        <v>834</v>
      </c>
      <c r="M24" s="535"/>
    </row>
    <row r="25" spans="1:13" s="385" customFormat="1" ht="57" customHeight="1">
      <c r="A25" s="227"/>
      <c r="B25" s="387"/>
      <c r="C25" s="205">
        <v>6</v>
      </c>
      <c r="D25" s="201" t="s">
        <v>1098</v>
      </c>
      <c r="E25" s="202" t="s">
        <v>354</v>
      </c>
      <c r="F25" s="533" t="s">
        <v>1095</v>
      </c>
      <c r="G25" s="533"/>
      <c r="H25" s="533"/>
      <c r="I25" s="533"/>
      <c r="J25" s="533"/>
      <c r="K25" s="533"/>
      <c r="L25" s="534" t="s">
        <v>834</v>
      </c>
      <c r="M25" s="535"/>
    </row>
    <row r="26" spans="1:13" s="385" customFormat="1" ht="57" customHeight="1">
      <c r="A26" s="227"/>
      <c r="B26" s="387"/>
      <c r="C26" s="206">
        <v>7</v>
      </c>
      <c r="D26" s="207" t="s">
        <v>1099</v>
      </c>
      <c r="E26" s="208" t="s">
        <v>355</v>
      </c>
      <c r="F26" s="533" t="s">
        <v>1091</v>
      </c>
      <c r="G26" s="533"/>
      <c r="H26" s="533"/>
      <c r="I26" s="533"/>
      <c r="J26" s="533"/>
      <c r="K26" s="533"/>
      <c r="L26" s="534" t="s">
        <v>834</v>
      </c>
      <c r="M26" s="535"/>
    </row>
    <row r="27" spans="1:13" s="385" customFormat="1" ht="57" customHeight="1">
      <c r="A27" s="227"/>
      <c r="B27" s="387"/>
      <c r="C27" s="206">
        <v>8</v>
      </c>
      <c r="D27" s="207" t="s">
        <v>1100</v>
      </c>
      <c r="E27" s="202" t="s">
        <v>310</v>
      </c>
      <c r="F27" s="533" t="s">
        <v>1091</v>
      </c>
      <c r="G27" s="533"/>
      <c r="H27" s="533"/>
      <c r="I27" s="533"/>
      <c r="J27" s="533"/>
      <c r="K27" s="533"/>
      <c r="L27" s="534" t="s">
        <v>834</v>
      </c>
      <c r="M27" s="535"/>
    </row>
    <row r="28" spans="1:13" s="385" customFormat="1" ht="57" customHeight="1">
      <c r="A28" s="227"/>
      <c r="B28" s="387"/>
      <c r="C28" s="206">
        <v>9</v>
      </c>
      <c r="D28" s="209" t="s">
        <v>1101</v>
      </c>
      <c r="E28" s="208" t="s">
        <v>356</v>
      </c>
      <c r="F28" s="533" t="s">
        <v>1091</v>
      </c>
      <c r="G28" s="533"/>
      <c r="H28" s="533"/>
      <c r="I28" s="533"/>
      <c r="J28" s="533"/>
      <c r="K28" s="533"/>
      <c r="L28" s="534" t="s">
        <v>834</v>
      </c>
      <c r="M28" s="535"/>
    </row>
    <row r="29" spans="1:13" s="385" customFormat="1" ht="57" customHeight="1">
      <c r="A29" s="227"/>
      <c r="B29" s="387"/>
      <c r="C29" s="206">
        <v>10</v>
      </c>
      <c r="D29" s="209" t="s">
        <v>1102</v>
      </c>
      <c r="E29" s="208" t="s">
        <v>357</v>
      </c>
      <c r="F29" s="533" t="s">
        <v>1091</v>
      </c>
      <c r="G29" s="533"/>
      <c r="H29" s="533"/>
      <c r="I29" s="533"/>
      <c r="J29" s="533"/>
      <c r="K29" s="533"/>
      <c r="L29" s="534" t="s">
        <v>834</v>
      </c>
      <c r="M29" s="535"/>
    </row>
    <row r="30" spans="1:13" s="385" customFormat="1" ht="57" customHeight="1">
      <c r="A30" s="227"/>
      <c r="B30" s="387"/>
      <c r="C30" s="206">
        <v>11</v>
      </c>
      <c r="D30" s="209" t="s">
        <v>1103</v>
      </c>
      <c r="E30" s="208" t="s">
        <v>358</v>
      </c>
      <c r="F30" s="533" t="s">
        <v>1091</v>
      </c>
      <c r="G30" s="533"/>
      <c r="H30" s="533"/>
      <c r="I30" s="533"/>
      <c r="J30" s="533"/>
      <c r="K30" s="533"/>
      <c r="L30" s="534" t="s">
        <v>834</v>
      </c>
      <c r="M30" s="535"/>
    </row>
    <row r="31" spans="1:13" s="385" customFormat="1" ht="57" customHeight="1">
      <c r="A31" s="227"/>
      <c r="B31" s="387"/>
      <c r="C31" s="206">
        <v>12</v>
      </c>
      <c r="D31" s="209" t="s">
        <v>1104</v>
      </c>
      <c r="E31" s="208" t="s">
        <v>359</v>
      </c>
      <c r="F31" s="533" t="s">
        <v>1091</v>
      </c>
      <c r="G31" s="533"/>
      <c r="H31" s="533"/>
      <c r="I31" s="533"/>
      <c r="J31" s="533"/>
      <c r="K31" s="533"/>
      <c r="L31" s="534" t="s">
        <v>834</v>
      </c>
      <c r="M31" s="535"/>
    </row>
    <row r="32" spans="1:13" s="385" customFormat="1" ht="57" customHeight="1">
      <c r="A32" s="227"/>
      <c r="B32" s="387"/>
      <c r="C32" s="206">
        <v>13</v>
      </c>
      <c r="D32" s="209" t="s">
        <v>1105</v>
      </c>
      <c r="E32" s="208" t="s">
        <v>360</v>
      </c>
      <c r="F32" s="533" t="s">
        <v>1106</v>
      </c>
      <c r="G32" s="533"/>
      <c r="H32" s="533"/>
      <c r="I32" s="533"/>
      <c r="J32" s="533"/>
      <c r="K32" s="533"/>
      <c r="L32" s="534" t="s">
        <v>834</v>
      </c>
      <c r="M32" s="535"/>
    </row>
    <row r="33" spans="1:13" s="385" customFormat="1">
      <c r="A33" s="227"/>
      <c r="B33" s="387"/>
      <c r="C33" s="210"/>
      <c r="D33" s="211" t="s">
        <v>1107</v>
      </c>
      <c r="E33" s="212"/>
      <c r="F33" s="213"/>
      <c r="G33" s="213"/>
      <c r="H33" s="213"/>
      <c r="I33" s="213"/>
      <c r="J33" s="213"/>
      <c r="K33" s="213"/>
      <c r="L33" s="473"/>
      <c r="M33" s="474"/>
    </row>
    <row r="34" spans="1:13" s="385" customFormat="1">
      <c r="A34" s="227"/>
      <c r="B34" s="387"/>
      <c r="C34" s="210"/>
      <c r="D34" s="211" t="s">
        <v>1014</v>
      </c>
      <c r="E34" s="216"/>
      <c r="F34" s="213"/>
      <c r="G34" s="213"/>
      <c r="H34" s="213"/>
      <c r="I34" s="213"/>
      <c r="J34" s="213"/>
      <c r="K34" s="213"/>
      <c r="L34" s="473"/>
      <c r="M34" s="474"/>
    </row>
    <row r="35" spans="1:13" s="385" customFormat="1">
      <c r="A35" s="227"/>
      <c r="B35" s="387"/>
      <c r="C35" s="210"/>
      <c r="D35" s="211" t="s">
        <v>1015</v>
      </c>
      <c r="E35" s="216"/>
      <c r="F35" s="213"/>
      <c r="G35" s="213"/>
      <c r="H35" s="213"/>
      <c r="I35" s="213"/>
      <c r="J35" s="213"/>
      <c r="K35" s="213"/>
      <c r="L35" s="473"/>
      <c r="M35" s="474"/>
    </row>
    <row r="36" spans="1:13" s="385" customFormat="1">
      <c r="A36" s="227"/>
      <c r="B36" s="387"/>
      <c r="C36" s="210"/>
      <c r="D36" s="211" t="s">
        <v>1108</v>
      </c>
      <c r="E36" s="216"/>
      <c r="F36" s="213"/>
      <c r="G36" s="213"/>
      <c r="H36" s="213"/>
      <c r="I36" s="213"/>
      <c r="J36" s="213"/>
      <c r="K36" s="213"/>
      <c r="L36" s="473"/>
      <c r="M36" s="474"/>
    </row>
    <row r="37" spans="1:13" s="385" customFormat="1">
      <c r="A37" s="227"/>
      <c r="B37" s="387"/>
      <c r="C37" s="210"/>
      <c r="D37" s="211" t="s">
        <v>1109</v>
      </c>
      <c r="E37" s="216"/>
      <c r="F37" s="213"/>
      <c r="G37" s="217"/>
      <c r="H37" s="213"/>
      <c r="I37" s="213"/>
      <c r="J37" s="213"/>
      <c r="K37" s="213"/>
      <c r="L37" s="473"/>
      <c r="M37" s="474"/>
    </row>
    <row r="38" spans="1:13" s="385" customFormat="1">
      <c r="A38" s="227"/>
      <c r="B38" s="387"/>
      <c r="C38" s="210"/>
      <c r="D38" s="211" t="s">
        <v>1110</v>
      </c>
      <c r="E38" s="216"/>
      <c r="F38" s="213"/>
      <c r="G38" s="217"/>
      <c r="H38" s="213"/>
      <c r="I38" s="213"/>
      <c r="J38" s="213"/>
      <c r="K38" s="213"/>
      <c r="L38" s="473"/>
      <c r="M38" s="474"/>
    </row>
    <row r="39" spans="1:13" s="385" customFormat="1">
      <c r="A39" s="227"/>
      <c r="B39" s="387"/>
      <c r="C39" s="210"/>
      <c r="D39" s="211" t="s">
        <v>1111</v>
      </c>
      <c r="E39" s="216"/>
      <c r="F39" s="213"/>
      <c r="G39" s="217"/>
      <c r="H39" s="213"/>
      <c r="I39" s="213"/>
      <c r="J39" s="213"/>
      <c r="K39" s="213"/>
      <c r="L39" s="473"/>
      <c r="M39" s="474"/>
    </row>
    <row r="40" spans="1:13" s="385" customFormat="1" ht="11.25" customHeight="1">
      <c r="A40" s="227"/>
      <c r="B40" s="387"/>
      <c r="C40" s="210"/>
      <c r="D40" s="218"/>
      <c r="E40" s="216"/>
      <c r="F40" s="213"/>
      <c r="G40" s="217"/>
      <c r="H40" s="213"/>
      <c r="I40" s="213"/>
      <c r="J40" s="213"/>
      <c r="K40" s="213"/>
      <c r="L40" s="473"/>
      <c r="M40" s="474"/>
    </row>
    <row r="41" spans="1:13" s="385" customFormat="1" ht="11.25" customHeight="1">
      <c r="A41" s="227"/>
      <c r="B41" s="387"/>
      <c r="C41" s="210"/>
      <c r="D41" s="218"/>
      <c r="E41" s="216"/>
      <c r="F41" s="213"/>
      <c r="G41" s="217"/>
      <c r="H41" s="213"/>
      <c r="I41" s="213"/>
      <c r="J41" s="213"/>
      <c r="K41" s="213"/>
      <c r="L41" s="473"/>
      <c r="M41" s="474"/>
    </row>
    <row r="42" spans="1:13" s="385" customFormat="1" ht="11.25" customHeight="1">
      <c r="A42" s="227"/>
      <c r="B42" s="387"/>
      <c r="C42" s="210"/>
      <c r="D42" s="218"/>
      <c r="E42" s="216"/>
      <c r="F42" s="213"/>
      <c r="G42" s="217"/>
      <c r="H42" s="213"/>
      <c r="I42" s="213"/>
      <c r="J42" s="213"/>
      <c r="K42" s="213"/>
      <c r="L42" s="473"/>
      <c r="M42" s="474"/>
    </row>
    <row r="43" spans="1:13" s="385" customFormat="1" ht="11.25" customHeight="1">
      <c r="A43" s="227"/>
      <c r="B43" s="387"/>
      <c r="C43" s="210"/>
      <c r="D43" s="218"/>
      <c r="E43" s="216"/>
      <c r="F43" s="213"/>
      <c r="G43" s="217"/>
      <c r="H43" s="213"/>
      <c r="I43" s="213"/>
      <c r="J43" s="213"/>
      <c r="K43" s="213"/>
      <c r="L43" s="473"/>
      <c r="M43" s="474"/>
    </row>
    <row r="44" spans="1:13" s="385" customFormat="1" ht="11.25" customHeight="1">
      <c r="A44" s="227"/>
      <c r="B44" s="387"/>
      <c r="C44" s="210"/>
      <c r="D44" s="218"/>
      <c r="E44" s="216"/>
      <c r="F44" s="213"/>
      <c r="G44" s="217"/>
      <c r="H44" s="213"/>
      <c r="I44" s="213"/>
      <c r="J44" s="213"/>
      <c r="K44" s="213"/>
      <c r="L44" s="473"/>
      <c r="M44" s="474"/>
    </row>
    <row r="45" spans="1:13" s="385" customFormat="1" ht="11.25" customHeight="1">
      <c r="A45" s="227"/>
      <c r="B45" s="387"/>
      <c r="C45" s="210"/>
      <c r="D45" s="218"/>
      <c r="E45" s="216"/>
      <c r="F45" s="213"/>
      <c r="G45" s="217"/>
      <c r="H45" s="213"/>
      <c r="I45" s="213"/>
      <c r="J45" s="213"/>
      <c r="K45" s="213"/>
      <c r="L45" s="473"/>
      <c r="M45" s="474"/>
    </row>
    <row r="46" spans="1:13" s="385" customFormat="1" ht="11.25" customHeight="1">
      <c r="A46" s="227"/>
      <c r="B46" s="387"/>
      <c r="C46" s="210"/>
      <c r="D46" s="218"/>
      <c r="E46" s="216"/>
      <c r="F46" s="213"/>
      <c r="G46" s="217"/>
      <c r="H46" s="213"/>
      <c r="I46" s="213"/>
      <c r="J46" s="213"/>
      <c r="K46" s="213"/>
      <c r="L46" s="473"/>
      <c r="M46" s="474"/>
    </row>
    <row r="47" spans="1:13" s="385" customFormat="1" ht="11.25" customHeight="1">
      <c r="A47" s="227"/>
      <c r="B47" s="387"/>
      <c r="C47" s="210"/>
      <c r="D47" s="218"/>
      <c r="E47" s="216"/>
      <c r="F47" s="213"/>
      <c r="G47" s="217"/>
      <c r="H47" s="213"/>
      <c r="I47" s="213"/>
      <c r="J47" s="213"/>
      <c r="K47" s="213"/>
      <c r="L47" s="473"/>
      <c r="M47" s="474"/>
    </row>
    <row r="48" spans="1:13" s="385" customFormat="1" ht="11.25" customHeight="1">
      <c r="A48" s="227"/>
      <c r="B48" s="387"/>
      <c r="C48" s="210"/>
      <c r="D48" s="218"/>
      <c r="E48" s="216"/>
      <c r="F48" s="213"/>
      <c r="G48" s="217"/>
      <c r="H48" s="213"/>
      <c r="I48" s="213"/>
      <c r="J48" s="213"/>
      <c r="K48" s="213"/>
      <c r="L48" s="473"/>
      <c r="M48" s="474"/>
    </row>
    <row r="49" spans="1:14" s="385" customFormat="1" ht="11.25" customHeight="1">
      <c r="A49" s="227"/>
      <c r="B49" s="387"/>
      <c r="C49" s="210"/>
      <c r="D49" s="218"/>
      <c r="E49" s="216"/>
      <c r="F49" s="213"/>
      <c r="G49" s="217"/>
      <c r="H49" s="213"/>
      <c r="I49" s="213"/>
      <c r="J49" s="213"/>
      <c r="K49" s="213"/>
      <c r="L49" s="473"/>
      <c r="M49" s="474"/>
    </row>
    <row r="50" spans="1:14" s="385" customFormat="1" ht="11.25" customHeight="1">
      <c r="A50" s="227"/>
      <c r="B50" s="387"/>
      <c r="C50" s="210"/>
      <c r="D50" s="218"/>
      <c r="E50" s="216"/>
      <c r="F50" s="213"/>
      <c r="G50" s="217"/>
      <c r="H50" s="213"/>
      <c r="I50" s="213"/>
      <c r="J50" s="213"/>
      <c r="K50" s="213"/>
      <c r="L50" s="473"/>
      <c r="M50" s="474"/>
    </row>
    <row r="51" spans="1:14" s="385" customFormat="1" ht="11.25" customHeight="1">
      <c r="A51" s="227"/>
      <c r="B51" s="387"/>
      <c r="C51" s="210"/>
      <c r="D51" s="218"/>
      <c r="E51" s="216"/>
      <c r="F51" s="213"/>
      <c r="G51" s="217"/>
      <c r="H51" s="213"/>
      <c r="I51" s="213"/>
      <c r="J51" s="213"/>
      <c r="K51" s="213"/>
      <c r="L51" s="473"/>
      <c r="M51" s="474"/>
    </row>
    <row r="52" spans="1:14" s="385" customFormat="1" ht="11.25" customHeight="1">
      <c r="A52" s="227"/>
      <c r="B52" s="387"/>
      <c r="C52" s="210"/>
      <c r="D52" s="218"/>
      <c r="E52" s="216"/>
      <c r="F52" s="213"/>
      <c r="G52" s="217"/>
      <c r="H52" s="213"/>
      <c r="I52" s="213"/>
      <c r="J52" s="213"/>
      <c r="K52" s="213"/>
      <c r="L52" s="473"/>
      <c r="M52" s="474"/>
    </row>
    <row r="53" spans="1:14" s="385" customFormat="1" ht="11.25" customHeight="1">
      <c r="A53" s="227"/>
      <c r="B53" s="387"/>
      <c r="C53" s="210"/>
      <c r="D53" s="218"/>
      <c r="E53" s="216"/>
      <c r="F53" s="213"/>
      <c r="G53" s="217"/>
      <c r="H53" s="213"/>
      <c r="I53" s="213"/>
      <c r="J53" s="213"/>
      <c r="K53" s="213"/>
      <c r="L53" s="473"/>
      <c r="M53" s="474"/>
    </row>
    <row r="54" spans="1:14" s="385" customFormat="1" ht="11.25" customHeight="1">
      <c r="A54" s="227"/>
      <c r="B54" s="387"/>
      <c r="C54" s="210"/>
      <c r="D54" s="218"/>
      <c r="E54" s="216"/>
      <c r="F54" s="213"/>
      <c r="G54" s="217"/>
      <c r="H54" s="213"/>
      <c r="I54" s="213"/>
      <c r="J54" s="213"/>
      <c r="K54" s="213"/>
      <c r="L54" s="473"/>
      <c r="M54" s="474"/>
    </row>
    <row r="55" spans="1:14" s="385" customFormat="1" ht="11.25" customHeight="1">
      <c r="A55" s="227"/>
      <c r="B55" s="387"/>
      <c r="C55" s="210"/>
      <c r="D55" s="218"/>
      <c r="E55" s="216"/>
      <c r="F55" s="213"/>
      <c r="G55" s="217"/>
      <c r="H55" s="213"/>
      <c r="I55" s="213"/>
      <c r="J55" s="213"/>
      <c r="K55" s="213"/>
      <c r="L55" s="473"/>
      <c r="M55" s="474"/>
    </row>
    <row r="56" spans="1:14" s="385" customFormat="1" ht="11.25" customHeight="1">
      <c r="A56" s="227"/>
      <c r="B56" s="387"/>
      <c r="C56" s="210"/>
      <c r="D56" s="218"/>
      <c r="E56" s="216"/>
      <c r="F56" s="213"/>
      <c r="G56" s="217"/>
      <c r="H56" s="213"/>
      <c r="I56" s="213"/>
      <c r="J56" s="213"/>
      <c r="K56" s="213"/>
      <c r="L56" s="473"/>
      <c r="M56" s="474"/>
    </row>
    <row r="57" spans="1:14" s="385" customFormat="1" ht="11.25" customHeight="1">
      <c r="A57" s="227"/>
      <c r="B57" s="387"/>
      <c r="C57" s="210"/>
      <c r="D57" s="218"/>
      <c r="E57" s="216"/>
      <c r="F57" s="213"/>
      <c r="G57" s="217"/>
      <c r="H57" s="213"/>
      <c r="I57" s="213"/>
      <c r="J57" s="213"/>
      <c r="K57" s="213"/>
      <c r="L57" s="473"/>
      <c r="M57" s="474"/>
    </row>
    <row r="58" spans="1:14" s="385" customFormat="1">
      <c r="A58" s="227"/>
      <c r="B58" s="387"/>
      <c r="C58" s="210"/>
      <c r="D58" s="218"/>
      <c r="E58" s="216"/>
      <c r="F58" s="213"/>
      <c r="G58" s="217"/>
      <c r="H58" s="213"/>
      <c r="I58" s="213"/>
      <c r="J58" s="213"/>
      <c r="K58" s="213"/>
      <c r="L58" s="214"/>
      <c r="M58" s="215"/>
    </row>
    <row r="59" spans="1:14" ht="15">
      <c r="C59" s="221"/>
      <c r="D59" s="221"/>
      <c r="E59" s="221"/>
      <c r="F59" s="221"/>
      <c r="G59" s="221"/>
      <c r="H59" s="340" t="s">
        <v>140</v>
      </c>
      <c r="I59" s="221"/>
      <c r="J59" s="221"/>
      <c r="K59" s="221"/>
      <c r="L59" s="221"/>
      <c r="M59" s="221"/>
      <c r="N59" s="5" t="s">
        <v>1112</v>
      </c>
    </row>
    <row r="60" spans="1:14" s="385" customFormat="1">
      <c r="A60" s="227"/>
      <c r="B60" s="387"/>
      <c r="C60" s="210"/>
      <c r="D60" s="218"/>
      <c r="E60" s="216"/>
      <c r="F60" s="213"/>
      <c r="G60" s="217"/>
      <c r="H60" s="213"/>
      <c r="I60" s="213"/>
      <c r="J60" s="213"/>
      <c r="K60" s="213"/>
      <c r="L60" s="214"/>
      <c r="M60" s="215"/>
    </row>
    <row r="61" spans="1:14">
      <c r="B61" s="388" t="s">
        <v>1113</v>
      </c>
      <c r="N61" s="222"/>
    </row>
    <row r="62" spans="1:14" s="385" customFormat="1" ht="24" customHeight="1">
      <c r="A62" s="227"/>
      <c r="B62" s="223" t="s">
        <v>1114</v>
      </c>
      <c r="C62" s="224"/>
      <c r="D62" s="225"/>
      <c r="E62" s="225"/>
      <c r="F62" s="226"/>
      <c r="G62" s="226"/>
      <c r="H62" s="226"/>
      <c r="I62" s="227"/>
      <c r="J62" s="227"/>
      <c r="K62" s="227"/>
      <c r="L62" s="227"/>
      <c r="M62" s="227"/>
    </row>
    <row r="63" spans="1:14" s="385" customFormat="1">
      <c r="A63" s="227"/>
      <c r="B63" s="387"/>
      <c r="C63" s="224" t="s">
        <v>1115</v>
      </c>
      <c r="D63" s="225"/>
      <c r="E63" s="225"/>
      <c r="F63" s="226"/>
      <c r="G63" s="226"/>
      <c r="H63" s="226"/>
      <c r="I63" s="227"/>
      <c r="J63" s="227"/>
      <c r="K63" s="227"/>
      <c r="L63" s="227"/>
      <c r="M63" s="227"/>
    </row>
    <row r="64" spans="1:14" ht="16.5" customHeight="1" thickBot="1">
      <c r="A64" s="224"/>
      <c r="B64" s="242"/>
      <c r="C64" s="200" t="s">
        <v>350</v>
      </c>
      <c r="D64" s="319" t="s">
        <v>1087</v>
      </c>
      <c r="E64" s="312" t="s">
        <v>1116</v>
      </c>
      <c r="F64" s="562" t="s">
        <v>1088</v>
      </c>
      <c r="G64" s="563"/>
      <c r="H64" s="563"/>
      <c r="I64" s="563"/>
      <c r="J64" s="563"/>
      <c r="K64" s="564"/>
      <c r="L64" s="562" t="s">
        <v>1117</v>
      </c>
      <c r="M64" s="564"/>
    </row>
    <row r="65" spans="1:13" ht="57" customHeight="1">
      <c r="A65" s="224"/>
      <c r="B65" s="242"/>
      <c r="C65" s="228">
        <v>1</v>
      </c>
      <c r="D65" s="229" t="s">
        <v>1118</v>
      </c>
      <c r="E65" s="202" t="s">
        <v>1</v>
      </c>
      <c r="F65" s="554" t="s">
        <v>1091</v>
      </c>
      <c r="G65" s="555"/>
      <c r="H65" s="555"/>
      <c r="I65" s="555"/>
      <c r="J65" s="555"/>
      <c r="K65" s="556"/>
      <c r="L65" s="557" t="s">
        <v>834</v>
      </c>
      <c r="M65" s="558"/>
    </row>
    <row r="66" spans="1:13" ht="33" customHeight="1">
      <c r="A66" s="224"/>
      <c r="B66" s="242"/>
      <c r="C66" s="230">
        <v>2</v>
      </c>
      <c r="D66" s="231" t="s">
        <v>1119</v>
      </c>
      <c r="E66" s="202" t="s">
        <v>1</v>
      </c>
      <c r="F66" s="568" t="s">
        <v>1120</v>
      </c>
      <c r="G66" s="568"/>
      <c r="H66" s="568"/>
      <c r="I66" s="568"/>
      <c r="J66" s="568"/>
      <c r="K66" s="568"/>
      <c r="L66" s="534" t="s">
        <v>834</v>
      </c>
      <c r="M66" s="535"/>
    </row>
    <row r="67" spans="1:13" ht="33" customHeight="1">
      <c r="A67" s="224"/>
      <c r="B67" s="242"/>
      <c r="C67" s="322">
        <v>3</v>
      </c>
      <c r="D67" s="148" t="s">
        <v>1121</v>
      </c>
      <c r="E67" s="232" t="s">
        <v>361</v>
      </c>
      <c r="F67" s="565" t="s">
        <v>1091</v>
      </c>
      <c r="G67" s="566"/>
      <c r="H67" s="566"/>
      <c r="I67" s="566"/>
      <c r="J67" s="566"/>
      <c r="K67" s="567"/>
      <c r="L67" s="534" t="s">
        <v>834</v>
      </c>
      <c r="M67" s="535"/>
    </row>
    <row r="68" spans="1:13" s="390" customFormat="1" ht="33" customHeight="1">
      <c r="A68" s="240"/>
      <c r="B68" s="389"/>
      <c r="C68" s="230">
        <v>4</v>
      </c>
      <c r="D68" s="231" t="s">
        <v>1122</v>
      </c>
      <c r="E68" s="202" t="s">
        <v>1</v>
      </c>
      <c r="F68" s="565" t="s">
        <v>1091</v>
      </c>
      <c r="G68" s="566"/>
      <c r="H68" s="566"/>
      <c r="I68" s="566"/>
      <c r="J68" s="566"/>
      <c r="K68" s="567"/>
      <c r="L68" s="534" t="s">
        <v>834</v>
      </c>
      <c r="M68" s="535"/>
    </row>
    <row r="69" spans="1:13" ht="33" customHeight="1">
      <c r="A69" s="224"/>
      <c r="B69" s="242"/>
      <c r="C69" s="233">
        <v>5</v>
      </c>
      <c r="D69" s="234" t="s">
        <v>1123</v>
      </c>
      <c r="E69" s="208" t="s">
        <v>362</v>
      </c>
      <c r="F69" s="565" t="s">
        <v>1091</v>
      </c>
      <c r="G69" s="566"/>
      <c r="H69" s="566"/>
      <c r="I69" s="566"/>
      <c r="J69" s="566"/>
      <c r="K69" s="567"/>
      <c r="L69" s="534" t="s">
        <v>834</v>
      </c>
      <c r="M69" s="535"/>
    </row>
    <row r="70" spans="1:13" ht="33" customHeight="1">
      <c r="A70" s="224"/>
      <c r="B70" s="242"/>
      <c r="C70" s="233">
        <v>6</v>
      </c>
      <c r="D70" s="207" t="s">
        <v>1124</v>
      </c>
      <c r="E70" s="235" t="s">
        <v>363</v>
      </c>
      <c r="F70" s="565" t="s">
        <v>1106</v>
      </c>
      <c r="G70" s="566"/>
      <c r="H70" s="566"/>
      <c r="I70" s="566"/>
      <c r="J70" s="566"/>
      <c r="K70" s="567"/>
      <c r="L70" s="534" t="s">
        <v>834</v>
      </c>
      <c r="M70" s="535"/>
    </row>
    <row r="71" spans="1:13" ht="36.75" customHeight="1">
      <c r="A71" s="224"/>
      <c r="B71" s="242"/>
      <c r="C71" s="579">
        <v>7</v>
      </c>
      <c r="D71" s="582" t="s">
        <v>1125</v>
      </c>
      <c r="E71" s="586" t="s">
        <v>96</v>
      </c>
      <c r="F71" s="588" t="s">
        <v>1126</v>
      </c>
      <c r="G71" s="589"/>
      <c r="H71" s="589"/>
      <c r="I71" s="589"/>
      <c r="J71" s="589"/>
      <c r="K71" s="590"/>
      <c r="L71" s="534" t="s">
        <v>834</v>
      </c>
      <c r="M71" s="535"/>
    </row>
    <row r="72" spans="1:13" ht="33" customHeight="1">
      <c r="A72" s="224"/>
      <c r="B72" s="242"/>
      <c r="C72" s="580"/>
      <c r="D72" s="583"/>
      <c r="E72" s="587"/>
      <c r="F72" s="588" t="s">
        <v>1127</v>
      </c>
      <c r="G72" s="589"/>
      <c r="H72" s="589"/>
      <c r="I72" s="589"/>
      <c r="J72" s="589"/>
      <c r="K72" s="590"/>
      <c r="L72" s="591"/>
      <c r="M72" s="592"/>
    </row>
    <row r="73" spans="1:13" ht="33" customHeight="1">
      <c r="A73" s="224"/>
      <c r="B73" s="242"/>
      <c r="C73" s="553"/>
      <c r="D73" s="584"/>
      <c r="E73" s="553"/>
      <c r="F73" s="593" t="s">
        <v>1128</v>
      </c>
      <c r="G73" s="593"/>
      <c r="H73" s="593"/>
      <c r="I73" s="593"/>
      <c r="J73" s="593"/>
      <c r="K73" s="593"/>
      <c r="L73" s="569"/>
      <c r="M73" s="570"/>
    </row>
    <row r="74" spans="1:13" ht="33" customHeight="1">
      <c r="A74" s="224"/>
      <c r="B74" s="242"/>
      <c r="C74" s="581"/>
      <c r="D74" s="585"/>
      <c r="E74" s="581"/>
      <c r="F74" s="593" t="s">
        <v>1129</v>
      </c>
      <c r="G74" s="593"/>
      <c r="H74" s="593"/>
      <c r="I74" s="593"/>
      <c r="J74" s="593"/>
      <c r="K74" s="593"/>
      <c r="L74" s="569"/>
      <c r="M74" s="570"/>
    </row>
    <row r="75" spans="1:13">
      <c r="A75" s="224"/>
      <c r="B75" s="242"/>
      <c r="C75" s="236"/>
      <c r="D75" s="211" t="s">
        <v>1130</v>
      </c>
      <c r="E75" s="236"/>
      <c r="F75" s="237"/>
      <c r="G75" s="237"/>
      <c r="H75" s="237"/>
      <c r="I75" s="237"/>
      <c r="J75" s="237"/>
      <c r="K75" s="237"/>
      <c r="L75" s="475"/>
      <c r="M75" s="236"/>
    </row>
    <row r="76" spans="1:13">
      <c r="A76" s="224"/>
      <c r="B76" s="242"/>
      <c r="C76" s="236"/>
      <c r="D76" s="238" t="s">
        <v>1131</v>
      </c>
      <c r="E76" s="236"/>
      <c r="F76" s="237"/>
      <c r="G76" s="237"/>
      <c r="H76" s="237"/>
      <c r="I76" s="237"/>
      <c r="J76" s="237"/>
      <c r="K76" s="237"/>
      <c r="L76" s="475"/>
      <c r="M76" s="236"/>
    </row>
    <row r="77" spans="1:13">
      <c r="A77" s="224"/>
      <c r="B77" s="242"/>
      <c r="C77" s="238"/>
      <c r="D77" s="571" t="s">
        <v>1132</v>
      </c>
      <c r="E77" s="492"/>
      <c r="F77" s="492"/>
      <c r="G77" s="492"/>
      <c r="H77" s="492"/>
      <c r="I77" s="492"/>
      <c r="J77" s="492"/>
      <c r="K77" s="492"/>
      <c r="L77" s="492"/>
      <c r="M77" s="492"/>
    </row>
    <row r="78" spans="1:13" ht="30" customHeight="1">
      <c r="A78" s="224"/>
      <c r="B78" s="242"/>
      <c r="C78" s="238"/>
      <c r="D78" s="492"/>
      <c r="E78" s="492"/>
      <c r="F78" s="492"/>
      <c r="G78" s="492"/>
      <c r="H78" s="492"/>
      <c r="I78" s="492"/>
      <c r="J78" s="492"/>
      <c r="K78" s="492"/>
      <c r="L78" s="492"/>
      <c r="M78" s="492"/>
    </row>
    <row r="79" spans="1:13">
      <c r="A79" s="224"/>
      <c r="B79" s="242"/>
      <c r="C79" s="238"/>
      <c r="D79" s="211" t="s">
        <v>1111</v>
      </c>
      <c r="E79" s="320"/>
      <c r="F79" s="320"/>
      <c r="G79" s="320"/>
      <c r="H79" s="320"/>
      <c r="I79" s="320"/>
      <c r="J79" s="320"/>
      <c r="K79" s="320"/>
      <c r="L79" s="320"/>
      <c r="M79" s="320"/>
    </row>
    <row r="80" spans="1:13">
      <c r="A80" s="224"/>
      <c r="B80" s="242"/>
      <c r="C80" s="238"/>
      <c r="D80" s="211"/>
      <c r="E80" s="320"/>
      <c r="F80" s="320"/>
      <c r="G80" s="320"/>
      <c r="H80" s="320"/>
      <c r="I80" s="320"/>
      <c r="J80" s="320"/>
      <c r="K80" s="320"/>
      <c r="L80" s="320"/>
      <c r="M80" s="320"/>
    </row>
    <row r="81" spans="1:13" ht="24" customHeight="1">
      <c r="A81" s="224"/>
      <c r="B81" s="239" t="s">
        <v>1133</v>
      </c>
      <c r="C81" s="224"/>
      <c r="D81" s="224"/>
      <c r="E81" s="224"/>
      <c r="F81" s="224"/>
      <c r="G81" s="224"/>
      <c r="H81" s="224"/>
      <c r="I81" s="224"/>
      <c r="J81" s="224"/>
      <c r="K81" s="224"/>
      <c r="L81" s="224"/>
      <c r="M81" s="224"/>
    </row>
    <row r="82" spans="1:13" ht="24" customHeight="1">
      <c r="A82" s="224"/>
      <c r="B82" s="241"/>
      <c r="C82" s="572" t="s">
        <v>1134</v>
      </c>
      <c r="D82" s="560"/>
      <c r="E82" s="560"/>
      <c r="F82" s="560"/>
      <c r="G82" s="560"/>
      <c r="H82" s="560"/>
      <c r="I82" s="560"/>
      <c r="J82" s="560"/>
      <c r="K82" s="560"/>
      <c r="L82" s="560"/>
      <c r="M82" s="560"/>
    </row>
    <row r="83" spans="1:13" ht="24" customHeight="1">
      <c r="A83" s="224"/>
      <c r="B83" s="241"/>
      <c r="C83" s="573"/>
      <c r="D83" s="573"/>
      <c r="E83" s="573"/>
      <c r="F83" s="573"/>
      <c r="G83" s="573"/>
      <c r="H83" s="573"/>
      <c r="I83" s="573"/>
      <c r="J83" s="573"/>
      <c r="K83" s="573"/>
      <c r="L83" s="573"/>
      <c r="M83" s="573"/>
    </row>
    <row r="84" spans="1:13" ht="12.75" customHeight="1">
      <c r="A84" s="224"/>
      <c r="B84" s="241"/>
      <c r="C84" s="548"/>
      <c r="D84" s="548"/>
      <c r="E84" s="548"/>
      <c r="F84" s="548"/>
      <c r="G84" s="548"/>
      <c r="H84" s="548"/>
      <c r="I84" s="548"/>
      <c r="J84" s="548"/>
      <c r="K84" s="548"/>
      <c r="L84" s="548"/>
      <c r="M84" s="548"/>
    </row>
    <row r="85" spans="1:13" ht="16.5" customHeight="1" thickBot="1">
      <c r="A85" s="224"/>
      <c r="B85" s="242" t="s">
        <v>364</v>
      </c>
      <c r="C85" s="200" t="s">
        <v>350</v>
      </c>
      <c r="D85" s="563" t="s">
        <v>1135</v>
      </c>
      <c r="E85" s="563"/>
      <c r="F85" s="563"/>
      <c r="G85" s="563"/>
      <c r="H85" s="563"/>
      <c r="I85" s="563"/>
      <c r="J85" s="563"/>
      <c r="K85" s="564"/>
      <c r="L85" s="574" t="s">
        <v>1136</v>
      </c>
      <c r="M85" s="564"/>
    </row>
    <row r="86" spans="1:13" ht="33" customHeight="1">
      <c r="A86" s="224"/>
      <c r="B86" s="242"/>
      <c r="C86" s="323">
        <v>1</v>
      </c>
      <c r="D86" s="575" t="s">
        <v>1137</v>
      </c>
      <c r="E86" s="575"/>
      <c r="F86" s="575"/>
      <c r="G86" s="575"/>
      <c r="H86" s="575"/>
      <c r="I86" s="575"/>
      <c r="J86" s="575"/>
      <c r="K86" s="576"/>
      <c r="L86" s="577" t="s">
        <v>365</v>
      </c>
      <c r="M86" s="578"/>
    </row>
    <row r="87" spans="1:13" ht="66" customHeight="1">
      <c r="A87" s="224"/>
      <c r="B87" s="242"/>
      <c r="C87" s="326">
        <v>2</v>
      </c>
      <c r="D87" s="593" t="s">
        <v>1138</v>
      </c>
      <c r="E87" s="593"/>
      <c r="F87" s="593"/>
      <c r="G87" s="593"/>
      <c r="H87" s="593"/>
      <c r="I87" s="593"/>
      <c r="J87" s="593"/>
      <c r="K87" s="593"/>
      <c r="L87" s="597" t="s">
        <v>365</v>
      </c>
      <c r="M87" s="597"/>
    </row>
    <row r="88" spans="1:13" ht="132" customHeight="1">
      <c r="A88" s="224"/>
      <c r="B88" s="242"/>
      <c r="C88" s="326">
        <v>3</v>
      </c>
      <c r="D88" s="593" t="s">
        <v>1139</v>
      </c>
      <c r="E88" s="593"/>
      <c r="F88" s="593"/>
      <c r="G88" s="593"/>
      <c r="H88" s="593"/>
      <c r="I88" s="593"/>
      <c r="J88" s="593"/>
      <c r="K88" s="593"/>
      <c r="L88" s="598" t="s">
        <v>1140</v>
      </c>
      <c r="M88" s="598"/>
    </row>
    <row r="89" spans="1:13" ht="20.100000000000001" customHeight="1">
      <c r="A89" s="224"/>
      <c r="B89" s="242"/>
      <c r="C89" s="240"/>
      <c r="D89" s="240"/>
      <c r="E89" s="240"/>
      <c r="F89" s="240"/>
      <c r="G89" s="240"/>
      <c r="H89" s="240"/>
      <c r="I89" s="240"/>
      <c r="J89" s="240"/>
      <c r="K89" s="240"/>
      <c r="L89" s="240"/>
      <c r="M89" s="240"/>
    </row>
    <row r="90" spans="1:13" ht="20.100000000000001" customHeight="1">
      <c r="A90" s="224"/>
      <c r="B90" s="239" t="s">
        <v>1141</v>
      </c>
      <c r="C90" s="240"/>
      <c r="D90" s="240"/>
      <c r="E90" s="240"/>
      <c r="F90" s="240"/>
      <c r="G90" s="240"/>
      <c r="H90" s="240"/>
      <c r="I90" s="240"/>
      <c r="J90" s="240"/>
      <c r="K90" s="240"/>
      <c r="L90" s="240"/>
      <c r="M90" s="240"/>
    </row>
    <row r="91" spans="1:13" ht="20.100000000000001" customHeight="1">
      <c r="A91" s="224"/>
      <c r="B91" s="241"/>
      <c r="C91" s="240" t="s">
        <v>1142</v>
      </c>
      <c r="D91" s="240"/>
      <c r="E91" s="240"/>
      <c r="F91" s="240"/>
      <c r="G91" s="240"/>
      <c r="H91" s="240"/>
      <c r="I91" s="240"/>
      <c r="J91" s="240"/>
      <c r="K91" s="240"/>
      <c r="L91" s="240"/>
      <c r="M91" s="240"/>
    </row>
    <row r="92" spans="1:13" ht="16.5" customHeight="1" thickBot="1">
      <c r="A92" s="224"/>
      <c r="B92" s="242"/>
      <c r="C92" s="200" t="s">
        <v>350</v>
      </c>
      <c r="D92" s="319" t="s">
        <v>1087</v>
      </c>
      <c r="E92" s="312" t="s">
        <v>1116</v>
      </c>
      <c r="F92" s="562" t="s">
        <v>1088</v>
      </c>
      <c r="G92" s="563"/>
      <c r="H92" s="563"/>
      <c r="I92" s="563"/>
      <c r="J92" s="563"/>
      <c r="K92" s="564"/>
      <c r="L92" s="562" t="s">
        <v>1143</v>
      </c>
      <c r="M92" s="564"/>
    </row>
    <row r="93" spans="1:13" ht="66" customHeight="1">
      <c r="A93" s="224"/>
      <c r="B93" s="242"/>
      <c r="C93" s="204">
        <v>1</v>
      </c>
      <c r="D93" s="243" t="s">
        <v>1016</v>
      </c>
      <c r="E93" s="244" t="s">
        <v>1</v>
      </c>
      <c r="F93" s="594" t="s">
        <v>1298</v>
      </c>
      <c r="G93" s="595"/>
      <c r="H93" s="595"/>
      <c r="I93" s="595"/>
      <c r="J93" s="595"/>
      <c r="K93" s="596"/>
      <c r="L93" s="557" t="s">
        <v>834</v>
      </c>
      <c r="M93" s="558"/>
    </row>
    <row r="94" spans="1:13" ht="33" customHeight="1">
      <c r="A94" s="224"/>
      <c r="B94" s="242"/>
      <c r="C94" s="326">
        <v>2</v>
      </c>
      <c r="D94" s="245" t="s">
        <v>1144</v>
      </c>
      <c r="E94" s="246" t="s">
        <v>366</v>
      </c>
      <c r="F94" s="594" t="s">
        <v>1298</v>
      </c>
      <c r="G94" s="595"/>
      <c r="H94" s="595"/>
      <c r="I94" s="595"/>
      <c r="J94" s="595"/>
      <c r="K94" s="596"/>
      <c r="L94" s="534" t="s">
        <v>834</v>
      </c>
      <c r="M94" s="535"/>
    </row>
    <row r="95" spans="1:13" ht="51.75" customHeight="1">
      <c r="A95" s="224"/>
      <c r="B95" s="242"/>
      <c r="C95" s="326">
        <v>3</v>
      </c>
      <c r="D95" s="247" t="s">
        <v>1145</v>
      </c>
      <c r="E95" s="244" t="s">
        <v>354</v>
      </c>
      <c r="F95" s="594" t="s">
        <v>1298</v>
      </c>
      <c r="G95" s="595"/>
      <c r="H95" s="595"/>
      <c r="I95" s="595"/>
      <c r="J95" s="595"/>
      <c r="K95" s="596"/>
      <c r="L95" s="534" t="s">
        <v>834</v>
      </c>
      <c r="M95" s="535"/>
    </row>
    <row r="96" spans="1:13" ht="33" customHeight="1">
      <c r="A96" s="224"/>
      <c r="B96" s="242"/>
      <c r="C96" s="326">
        <v>4</v>
      </c>
      <c r="D96" s="245" t="s">
        <v>1146</v>
      </c>
      <c r="E96" s="246" t="s">
        <v>367</v>
      </c>
      <c r="F96" s="594" t="s">
        <v>1298</v>
      </c>
      <c r="G96" s="595"/>
      <c r="H96" s="595"/>
      <c r="I96" s="595"/>
      <c r="J96" s="595"/>
      <c r="K96" s="596"/>
      <c r="L96" s="534" t="s">
        <v>834</v>
      </c>
      <c r="M96" s="535"/>
    </row>
    <row r="97" spans="1:13" ht="33" customHeight="1">
      <c r="A97" s="224"/>
      <c r="B97" s="242"/>
      <c r="C97" s="326">
        <v>5</v>
      </c>
      <c r="D97" s="245" t="s">
        <v>1147</v>
      </c>
      <c r="E97" s="246" t="s">
        <v>368</v>
      </c>
      <c r="F97" s="594" t="s">
        <v>1298</v>
      </c>
      <c r="G97" s="595"/>
      <c r="H97" s="595"/>
      <c r="I97" s="595"/>
      <c r="J97" s="595"/>
      <c r="K97" s="596"/>
      <c r="L97" s="534" t="s">
        <v>834</v>
      </c>
      <c r="M97" s="535"/>
    </row>
    <row r="98" spans="1:13" ht="33" customHeight="1">
      <c r="A98" s="224"/>
      <c r="B98" s="242"/>
      <c r="C98" s="326">
        <v>6</v>
      </c>
      <c r="D98" s="245" t="s">
        <v>1148</v>
      </c>
      <c r="E98" s="246" t="s">
        <v>369</v>
      </c>
      <c r="F98" s="594" t="s">
        <v>1298</v>
      </c>
      <c r="G98" s="595"/>
      <c r="H98" s="595"/>
      <c r="I98" s="595"/>
      <c r="J98" s="595"/>
      <c r="K98" s="596"/>
      <c r="L98" s="534" t="s">
        <v>834</v>
      </c>
      <c r="M98" s="535"/>
    </row>
    <row r="99" spans="1:13" ht="33" customHeight="1">
      <c r="A99" s="224"/>
      <c r="B99" s="242"/>
      <c r="C99" s="326">
        <v>7</v>
      </c>
      <c r="D99" s="245" t="s">
        <v>1149</v>
      </c>
      <c r="E99" s="246" t="s">
        <v>370</v>
      </c>
      <c r="F99" s="594" t="s">
        <v>1298</v>
      </c>
      <c r="G99" s="595"/>
      <c r="H99" s="595"/>
      <c r="I99" s="595"/>
      <c r="J99" s="595"/>
      <c r="K99" s="596"/>
      <c r="L99" s="534" t="s">
        <v>834</v>
      </c>
      <c r="M99" s="535"/>
    </row>
    <row r="100" spans="1:13" ht="42.75" customHeight="1">
      <c r="A100" s="224"/>
      <c r="B100" s="242"/>
      <c r="C100" s="326">
        <v>8</v>
      </c>
      <c r="D100" s="245" t="s">
        <v>1150</v>
      </c>
      <c r="E100" s="244" t="s">
        <v>1</v>
      </c>
      <c r="F100" s="594" t="s">
        <v>1298</v>
      </c>
      <c r="G100" s="595"/>
      <c r="H100" s="595"/>
      <c r="I100" s="595"/>
      <c r="J100" s="595"/>
      <c r="K100" s="596"/>
      <c r="L100" s="534" t="s">
        <v>834</v>
      </c>
      <c r="M100" s="535"/>
    </row>
    <row r="101" spans="1:13" ht="66" customHeight="1">
      <c r="A101" s="224"/>
      <c r="B101" s="242"/>
      <c r="C101" s="326">
        <v>9</v>
      </c>
      <c r="D101" s="245" t="s">
        <v>1151</v>
      </c>
      <c r="E101" s="244" t="s">
        <v>1</v>
      </c>
      <c r="F101" s="594" t="s">
        <v>1299</v>
      </c>
      <c r="G101" s="595"/>
      <c r="H101" s="595"/>
      <c r="I101" s="595"/>
      <c r="J101" s="595"/>
      <c r="K101" s="596"/>
      <c r="L101" s="534" t="s">
        <v>834</v>
      </c>
      <c r="M101" s="535"/>
    </row>
    <row r="102" spans="1:13" ht="20.100000000000001" customHeight="1">
      <c r="A102" s="224"/>
      <c r="B102" s="242"/>
      <c r="C102" s="240"/>
      <c r="D102" s="211" t="s">
        <v>1111</v>
      </c>
      <c r="E102" s="240"/>
      <c r="F102" s="240"/>
      <c r="G102" s="240"/>
      <c r="H102" s="240"/>
      <c r="I102" s="240"/>
      <c r="J102" s="240"/>
      <c r="K102" s="240"/>
      <c r="L102" s="240"/>
      <c r="M102" s="240"/>
    </row>
    <row r="103" spans="1:13" s="252" customFormat="1" ht="24" hidden="1" customHeight="1">
      <c r="A103" s="240"/>
      <c r="B103" s="391" t="s">
        <v>1017</v>
      </c>
      <c r="C103" s="392"/>
      <c r="D103" s="393"/>
      <c r="E103" s="393"/>
      <c r="F103" s="393"/>
      <c r="G103" s="393"/>
      <c r="H103" s="393"/>
      <c r="I103" s="393"/>
      <c r="J103" s="393"/>
      <c r="K103" s="393"/>
      <c r="L103" s="393"/>
      <c r="M103" s="393"/>
    </row>
    <row r="104" spans="1:13" s="252" customFormat="1" ht="24" hidden="1" customHeight="1">
      <c r="A104" s="240"/>
      <c r="B104" s="391"/>
      <c r="C104" s="393"/>
      <c r="D104" s="393"/>
      <c r="E104" s="393"/>
      <c r="F104" s="393"/>
      <c r="G104" s="393"/>
      <c r="H104" s="393"/>
      <c r="I104" s="393"/>
      <c r="J104" s="393"/>
      <c r="K104" s="393"/>
      <c r="L104" s="393"/>
      <c r="M104" s="393"/>
    </row>
    <row r="105" spans="1:13" s="252" customFormat="1" ht="32.25" hidden="1" customHeight="1">
      <c r="A105" s="249"/>
      <c r="B105" s="257"/>
      <c r="C105" s="240"/>
      <c r="D105" s="240"/>
      <c r="E105" s="240"/>
      <c r="F105" s="240"/>
      <c r="G105" s="240"/>
      <c r="H105" s="240"/>
      <c r="I105" s="240"/>
      <c r="J105" s="240"/>
      <c r="K105" s="240"/>
      <c r="L105" s="240"/>
      <c r="M105" s="240"/>
    </row>
    <row r="106" spans="1:13" s="252" customFormat="1" ht="12" hidden="1" customHeight="1" thickBot="1">
      <c r="A106" s="249"/>
      <c r="B106" s="394"/>
      <c r="C106" s="248" t="s">
        <v>371</v>
      </c>
      <c r="D106" s="620" t="s">
        <v>835</v>
      </c>
      <c r="E106" s="620"/>
      <c r="F106" s="621"/>
      <c r="G106" s="621"/>
      <c r="H106" s="621"/>
      <c r="I106" s="621"/>
      <c r="J106" s="621"/>
      <c r="K106" s="622"/>
      <c r="L106" s="623" t="s">
        <v>836</v>
      </c>
      <c r="M106" s="622"/>
    </row>
    <row r="107" spans="1:13" s="252" customFormat="1" ht="27.75" hidden="1" customHeight="1">
      <c r="A107" s="249"/>
      <c r="B107" s="250"/>
      <c r="C107" s="251">
        <v>1</v>
      </c>
      <c r="D107" s="624" t="s">
        <v>837</v>
      </c>
      <c r="E107" s="624"/>
      <c r="F107" s="624"/>
      <c r="G107" s="624"/>
      <c r="H107" s="624"/>
      <c r="I107" s="624"/>
      <c r="J107" s="624"/>
      <c r="K107" s="625"/>
      <c r="L107" s="626" t="s">
        <v>372</v>
      </c>
      <c r="M107" s="626"/>
    </row>
    <row r="108" spans="1:13" s="252" customFormat="1" ht="28.5" hidden="1" customHeight="1">
      <c r="A108" s="249"/>
      <c r="B108" s="250"/>
      <c r="C108" s="253"/>
      <c r="D108" s="254"/>
      <c r="E108" s="254"/>
      <c r="F108" s="254"/>
      <c r="G108" s="254"/>
      <c r="H108" s="254"/>
      <c r="I108" s="254"/>
      <c r="J108" s="254"/>
      <c r="K108" s="254"/>
      <c r="L108" s="255"/>
      <c r="M108" s="255"/>
    </row>
    <row r="109" spans="1:13" s="252" customFormat="1" ht="5.0999999999999996" hidden="1" customHeight="1">
      <c r="A109" s="249"/>
      <c r="B109" s="250"/>
      <c r="C109" s="253"/>
      <c r="D109" s="254"/>
      <c r="E109" s="254"/>
      <c r="F109" s="254"/>
      <c r="G109" s="254"/>
      <c r="H109" s="254"/>
      <c r="I109" s="254"/>
      <c r="J109" s="254"/>
      <c r="K109" s="254"/>
      <c r="L109" s="256"/>
      <c r="M109" s="256"/>
    </row>
    <row r="110" spans="1:13" s="252" customFormat="1" ht="12" hidden="1" customHeight="1">
      <c r="A110" s="249"/>
      <c r="B110" s="250"/>
      <c r="C110" s="599" t="s">
        <v>838</v>
      </c>
      <c r="D110" s="599"/>
      <c r="E110" s="599"/>
      <c r="F110" s="599"/>
      <c r="G110" s="599"/>
      <c r="H110" s="599"/>
      <c r="I110" s="599"/>
      <c r="J110" s="599"/>
      <c r="K110" s="599"/>
      <c r="L110" s="599"/>
      <c r="M110" s="599"/>
    </row>
    <row r="111" spans="1:13" s="252" customFormat="1" ht="27.75" hidden="1" customHeight="1">
      <c r="A111" s="249"/>
      <c r="B111" s="257"/>
      <c r="C111" s="600" t="s">
        <v>839</v>
      </c>
      <c r="D111" s="601"/>
      <c r="E111" s="601"/>
      <c r="F111" s="602"/>
      <c r="G111" s="606" t="s">
        <v>840</v>
      </c>
      <c r="H111" s="607"/>
      <c r="I111" s="327" t="s">
        <v>841</v>
      </c>
      <c r="J111" s="610" t="s">
        <v>842</v>
      </c>
      <c r="K111" s="612" t="s">
        <v>843</v>
      </c>
      <c r="L111" s="612"/>
      <c r="M111" s="612"/>
    </row>
    <row r="112" spans="1:13" s="252" customFormat="1" ht="30" hidden="1" customHeight="1" thickBot="1">
      <c r="A112" s="249"/>
      <c r="B112" s="250"/>
      <c r="C112" s="603"/>
      <c r="D112" s="604"/>
      <c r="E112" s="604"/>
      <c r="F112" s="605"/>
      <c r="G112" s="608"/>
      <c r="H112" s="609"/>
      <c r="I112" s="328" t="s">
        <v>373</v>
      </c>
      <c r="J112" s="611"/>
      <c r="K112" s="613"/>
      <c r="L112" s="613"/>
      <c r="M112" s="613"/>
    </row>
    <row r="113" spans="1:13" s="252" customFormat="1" ht="15.75" hidden="1" customHeight="1">
      <c r="A113" s="249"/>
      <c r="B113" s="250"/>
      <c r="C113" s="614" t="s">
        <v>844</v>
      </c>
      <c r="D113" s="615"/>
      <c r="E113" s="615"/>
      <c r="F113" s="616"/>
      <c r="G113" s="617" t="s">
        <v>845</v>
      </c>
      <c r="H113" s="618"/>
      <c r="I113" s="258"/>
      <c r="J113" s="258"/>
      <c r="K113" s="619"/>
      <c r="L113" s="619"/>
      <c r="M113" s="619"/>
    </row>
    <row r="114" spans="1:13" s="252" customFormat="1" ht="30" hidden="1" customHeight="1">
      <c r="A114" s="249"/>
      <c r="B114" s="250"/>
      <c r="C114" s="638" t="s">
        <v>846</v>
      </c>
      <c r="D114" s="639"/>
      <c r="E114" s="639"/>
      <c r="F114" s="640"/>
      <c r="G114" s="641" t="s">
        <v>1152</v>
      </c>
      <c r="H114" s="642"/>
      <c r="I114" s="259"/>
      <c r="J114" s="259"/>
      <c r="K114" s="643"/>
      <c r="L114" s="643"/>
      <c r="M114" s="643"/>
    </row>
    <row r="115" spans="1:13" s="252" customFormat="1" ht="30" hidden="1" customHeight="1">
      <c r="A115" s="249"/>
      <c r="B115" s="250"/>
      <c r="C115" s="260"/>
      <c r="D115" s="261"/>
      <c r="E115" s="261"/>
      <c r="F115" s="249"/>
      <c r="G115" s="249"/>
      <c r="H115" s="249"/>
      <c r="I115" s="249"/>
      <c r="J115" s="249"/>
      <c r="K115" s="249"/>
      <c r="L115" s="249"/>
      <c r="M115" s="249"/>
    </row>
    <row r="116" spans="1:13" s="252" customFormat="1" ht="10.5" hidden="1" customHeight="1">
      <c r="A116" s="249"/>
      <c r="B116" s="250"/>
      <c r="C116" s="262" t="s">
        <v>847</v>
      </c>
    </row>
    <row r="117" spans="1:13" s="252" customFormat="1" ht="15" hidden="1" customHeight="1">
      <c r="B117" s="263"/>
      <c r="C117" s="264"/>
      <c r="D117" s="219"/>
      <c r="E117" s="219"/>
      <c r="F117" s="219"/>
      <c r="G117" s="219"/>
      <c r="H117" s="219"/>
      <c r="I117" s="219"/>
      <c r="J117" s="219"/>
      <c r="K117" s="219"/>
      <c r="L117" s="219"/>
      <c r="M117" s="219"/>
    </row>
    <row r="118" spans="1:13" ht="15" customHeight="1">
      <c r="C118" s="264"/>
    </row>
    <row r="119" spans="1:13" ht="15" customHeight="1">
      <c r="C119" s="360" t="s">
        <v>1153</v>
      </c>
      <c r="D119" s="644"/>
      <c r="E119" s="644"/>
      <c r="F119" s="644"/>
      <c r="G119" s="644"/>
      <c r="H119" s="222" t="s">
        <v>1154</v>
      </c>
      <c r="I119" s="644"/>
      <c r="J119" s="644"/>
      <c r="K119" s="644"/>
      <c r="L119" s="644"/>
      <c r="M119" s="644"/>
    </row>
    <row r="120" spans="1:13" ht="15" customHeight="1">
      <c r="B120" s="265"/>
      <c r="C120" s="266" t="s">
        <v>374</v>
      </c>
      <c r="D120" s="645"/>
      <c r="E120" s="645"/>
      <c r="F120" s="645"/>
      <c r="G120" s="645"/>
      <c r="H120" s="266" t="s">
        <v>375</v>
      </c>
      <c r="I120" s="645"/>
      <c r="J120" s="645"/>
      <c r="K120" s="645"/>
      <c r="L120" s="645"/>
      <c r="M120" s="645"/>
    </row>
    <row r="121" spans="1:13" ht="15" customHeight="1"/>
    <row r="122" spans="1:13" ht="15" customHeight="1">
      <c r="C122" s="395" t="s">
        <v>1018</v>
      </c>
      <c r="D122" s="644"/>
      <c r="E122" s="644"/>
      <c r="F122" s="644"/>
      <c r="G122" s="644"/>
      <c r="H122" s="395" t="s">
        <v>1155</v>
      </c>
      <c r="I122" s="644"/>
      <c r="J122" s="644"/>
      <c r="K122" s="644"/>
      <c r="L122" s="644"/>
      <c r="M122" s="644"/>
    </row>
    <row r="123" spans="1:13" ht="15" customHeight="1">
      <c r="C123" s="266" t="s">
        <v>376</v>
      </c>
      <c r="D123" s="645"/>
      <c r="E123" s="645"/>
      <c r="F123" s="645"/>
      <c r="G123" s="645"/>
      <c r="H123" s="266" t="s">
        <v>376</v>
      </c>
      <c r="I123" s="645"/>
      <c r="J123" s="645"/>
      <c r="K123" s="645"/>
      <c r="L123" s="645"/>
      <c r="M123" s="645"/>
    </row>
    <row r="124" spans="1:13" ht="15" customHeight="1">
      <c r="C124" s="267"/>
    </row>
    <row r="125" spans="1:13" ht="15" customHeight="1">
      <c r="C125" s="267"/>
    </row>
    <row r="126" spans="1:13" ht="15" customHeight="1">
      <c r="C126" s="267"/>
    </row>
    <row r="127" spans="1:13" ht="16.5" customHeight="1">
      <c r="C127" s="221"/>
      <c r="D127" s="221"/>
      <c r="E127" s="221"/>
      <c r="F127" s="221"/>
      <c r="G127" s="221"/>
      <c r="H127" s="340" t="s">
        <v>141</v>
      </c>
      <c r="I127" s="221"/>
      <c r="J127" s="221"/>
      <c r="K127" s="221"/>
      <c r="L127" s="221"/>
      <c r="M127" s="221"/>
    </row>
    <row r="129" spans="1:18" ht="15.75" thickBot="1">
      <c r="A129" s="103"/>
      <c r="B129" s="98" t="s">
        <v>1156</v>
      </c>
      <c r="C129" s="99"/>
      <c r="D129" s="100"/>
      <c r="E129" s="99"/>
      <c r="F129" s="101"/>
      <c r="G129" s="102"/>
      <c r="H129" s="100"/>
      <c r="I129" s="100"/>
      <c r="J129" s="100"/>
      <c r="K129" s="100"/>
      <c r="L129" s="100"/>
      <c r="M129" s="100"/>
      <c r="N129" s="100"/>
      <c r="O129" s="100"/>
      <c r="P129" s="100"/>
    </row>
    <row r="130" spans="1:18">
      <c r="A130" s="103"/>
      <c r="B130" s="627" t="s">
        <v>17</v>
      </c>
      <c r="C130" s="647" t="s">
        <v>1157</v>
      </c>
      <c r="D130" s="648"/>
      <c r="E130" s="647" t="s">
        <v>1158</v>
      </c>
      <c r="F130" s="648"/>
      <c r="G130" s="648"/>
      <c r="H130" s="648"/>
      <c r="I130" s="651"/>
      <c r="J130" s="627" t="s">
        <v>1159</v>
      </c>
      <c r="K130" s="320"/>
      <c r="L130" s="100"/>
      <c r="M130" s="100"/>
      <c r="N130" s="100"/>
      <c r="O130" s="100"/>
      <c r="P130" s="100"/>
      <c r="Q130" s="100"/>
      <c r="R130" s="100"/>
    </row>
    <row r="131" spans="1:18" ht="15" thickBot="1">
      <c r="A131" s="103"/>
      <c r="B131" s="646"/>
      <c r="C131" s="649"/>
      <c r="D131" s="650"/>
      <c r="E131" s="652"/>
      <c r="F131" s="650"/>
      <c r="G131" s="650"/>
      <c r="H131" s="650"/>
      <c r="I131" s="653"/>
      <c r="J131" s="628"/>
      <c r="K131" s="320"/>
      <c r="L131" s="100"/>
      <c r="M131" s="100"/>
      <c r="N131" s="100"/>
      <c r="O131" s="100"/>
      <c r="P131" s="100"/>
      <c r="Q131" s="100"/>
      <c r="R131" s="100"/>
    </row>
    <row r="132" spans="1:18" ht="15.95" customHeight="1" thickBot="1">
      <c r="A132" s="103"/>
      <c r="B132" s="313">
        <v>1</v>
      </c>
      <c r="C132" s="629" t="s">
        <v>1160</v>
      </c>
      <c r="D132" s="630"/>
      <c r="E132" s="635" t="s">
        <v>377</v>
      </c>
      <c r="F132" s="636"/>
      <c r="G132" s="636"/>
      <c r="H132" s="636"/>
      <c r="I132" s="637"/>
      <c r="J132" s="268" t="s">
        <v>378</v>
      </c>
      <c r="K132" s="320"/>
      <c r="L132" s="100"/>
      <c r="M132" s="100"/>
      <c r="N132" s="100"/>
      <c r="O132" s="100"/>
      <c r="P132" s="100"/>
      <c r="Q132" s="100"/>
      <c r="R132" s="100"/>
    </row>
    <row r="133" spans="1:18" ht="15.95" customHeight="1" thickBot="1">
      <c r="A133" s="103"/>
      <c r="B133" s="313">
        <v>2</v>
      </c>
      <c r="C133" s="631"/>
      <c r="D133" s="632"/>
      <c r="E133" s="635" t="s">
        <v>379</v>
      </c>
      <c r="F133" s="636"/>
      <c r="G133" s="636"/>
      <c r="H133" s="636"/>
      <c r="I133" s="637"/>
      <c r="J133" s="268" t="s">
        <v>380</v>
      </c>
      <c r="K133" s="320"/>
      <c r="L133" s="100"/>
      <c r="M133" s="100"/>
      <c r="N133" s="100"/>
      <c r="O133" s="100"/>
      <c r="P133" s="100"/>
      <c r="Q133" s="100"/>
      <c r="R133" s="100"/>
    </row>
    <row r="134" spans="1:18" ht="15.95" customHeight="1" thickBot="1">
      <c r="A134" s="103"/>
      <c r="B134" s="313">
        <v>3</v>
      </c>
      <c r="C134" s="633"/>
      <c r="D134" s="634"/>
      <c r="E134" s="635" t="s">
        <v>381</v>
      </c>
      <c r="F134" s="636"/>
      <c r="G134" s="636"/>
      <c r="H134" s="636"/>
      <c r="I134" s="637"/>
      <c r="J134" s="268" t="s">
        <v>382</v>
      </c>
      <c r="K134" s="320"/>
      <c r="L134" s="100"/>
      <c r="M134" s="100"/>
      <c r="N134" s="100"/>
      <c r="O134" s="100"/>
      <c r="P134" s="100"/>
      <c r="Q134" s="100"/>
      <c r="R134" s="100"/>
    </row>
    <row r="135" spans="1:18" ht="15.95" customHeight="1" thickBot="1">
      <c r="A135" s="103"/>
      <c r="B135" s="313">
        <v>4</v>
      </c>
      <c r="C135" s="629" t="s">
        <v>1161</v>
      </c>
      <c r="D135" s="630"/>
      <c r="E135" s="635" t="s">
        <v>383</v>
      </c>
      <c r="F135" s="636"/>
      <c r="G135" s="636"/>
      <c r="H135" s="636"/>
      <c r="I135" s="637"/>
      <c r="J135" s="268" t="s">
        <v>384</v>
      </c>
      <c r="K135" s="320"/>
      <c r="L135" s="100"/>
      <c r="M135" s="100"/>
      <c r="N135" s="100"/>
      <c r="O135" s="100"/>
      <c r="P135" s="100"/>
      <c r="Q135" s="100"/>
      <c r="R135" s="100"/>
    </row>
    <row r="136" spans="1:18" ht="15.95" customHeight="1" thickBot="1">
      <c r="A136" s="103"/>
      <c r="B136" s="313">
        <v>5</v>
      </c>
      <c r="C136" s="633"/>
      <c r="D136" s="634"/>
      <c r="E136" s="635" t="s">
        <v>385</v>
      </c>
      <c r="F136" s="636"/>
      <c r="G136" s="636"/>
      <c r="H136" s="636"/>
      <c r="I136" s="637"/>
      <c r="J136" s="268" t="s">
        <v>386</v>
      </c>
      <c r="K136" s="320"/>
      <c r="L136" s="100"/>
      <c r="M136" s="100"/>
      <c r="N136" s="100"/>
      <c r="O136" s="100"/>
      <c r="P136" s="100"/>
      <c r="Q136" s="100"/>
      <c r="R136" s="100"/>
    </row>
    <row r="137" spans="1:18" ht="38.25" customHeight="1" thickBot="1">
      <c r="A137" s="103"/>
      <c r="B137" s="313">
        <v>6</v>
      </c>
      <c r="C137" s="633" t="s">
        <v>1162</v>
      </c>
      <c r="D137" s="634"/>
      <c r="E137" s="635" t="s">
        <v>387</v>
      </c>
      <c r="F137" s="636"/>
      <c r="G137" s="636"/>
      <c r="H137" s="636"/>
      <c r="I137" s="637"/>
      <c r="J137" s="268" t="s">
        <v>388</v>
      </c>
      <c r="K137" s="320"/>
      <c r="L137" s="100"/>
      <c r="M137" s="100"/>
      <c r="N137" s="100"/>
      <c r="O137" s="100"/>
      <c r="P137" s="100"/>
      <c r="Q137" s="100"/>
      <c r="R137" s="100"/>
    </row>
    <row r="138" spans="1:18" ht="15.95" customHeight="1" thickBot="1">
      <c r="A138" s="103"/>
      <c r="B138" s="313">
        <v>7</v>
      </c>
      <c r="C138" s="635" t="s">
        <v>1163</v>
      </c>
      <c r="D138" s="637"/>
      <c r="E138" s="635" t="s">
        <v>389</v>
      </c>
      <c r="F138" s="636"/>
      <c r="G138" s="636"/>
      <c r="H138" s="331"/>
      <c r="I138" s="330"/>
      <c r="J138" s="268" t="s">
        <v>390</v>
      </c>
      <c r="K138" s="378"/>
      <c r="L138" s="379"/>
      <c r="M138" s="320"/>
      <c r="N138" s="100"/>
      <c r="O138" s="100"/>
      <c r="P138" s="100"/>
      <c r="Q138" s="100"/>
      <c r="R138" s="100"/>
    </row>
    <row r="139" spans="1:18" ht="15.95" customHeight="1" thickBot="1">
      <c r="A139" s="103"/>
      <c r="B139" s="313">
        <v>8</v>
      </c>
      <c r="C139" s="629" t="s">
        <v>1164</v>
      </c>
      <c r="D139" s="630"/>
      <c r="E139" s="635" t="s">
        <v>391</v>
      </c>
      <c r="F139" s="636"/>
      <c r="G139" s="636"/>
      <c r="H139" s="333"/>
      <c r="I139" s="330"/>
      <c r="J139" s="268" t="s">
        <v>392</v>
      </c>
      <c r="K139" s="378"/>
      <c r="L139" s="379"/>
      <c r="M139" s="320"/>
      <c r="N139" s="100"/>
      <c r="O139" s="100"/>
      <c r="P139" s="100"/>
      <c r="Q139" s="100"/>
      <c r="R139" s="100"/>
    </row>
    <row r="140" spans="1:18" ht="33" customHeight="1" thickBot="1">
      <c r="A140" s="103"/>
      <c r="B140" s="313">
        <v>9</v>
      </c>
      <c r="C140" s="633"/>
      <c r="D140" s="634"/>
      <c r="E140" s="635" t="s">
        <v>742</v>
      </c>
      <c r="F140" s="636"/>
      <c r="G140" s="636"/>
      <c r="H140" s="636"/>
      <c r="I140" s="637"/>
      <c r="J140" s="268" t="s">
        <v>393</v>
      </c>
      <c r="K140" s="378"/>
      <c r="L140" s="379"/>
      <c r="M140" s="320"/>
      <c r="N140" s="100"/>
      <c r="O140" s="100"/>
      <c r="P140" s="100"/>
      <c r="Q140" s="100"/>
      <c r="R140" s="100"/>
    </row>
    <row r="141" spans="1:18" ht="15.95" customHeight="1" thickBot="1">
      <c r="A141" s="103"/>
      <c r="B141" s="313">
        <v>10</v>
      </c>
      <c r="C141" s="635" t="s">
        <v>1165</v>
      </c>
      <c r="D141" s="637"/>
      <c r="E141" s="635" t="s">
        <v>394</v>
      </c>
      <c r="F141" s="636"/>
      <c r="G141" s="636"/>
      <c r="H141" s="333"/>
      <c r="I141" s="330"/>
      <c r="J141" s="268" t="s">
        <v>395</v>
      </c>
      <c r="K141" s="378"/>
      <c r="L141" s="379"/>
      <c r="M141" s="320"/>
      <c r="N141" s="100"/>
      <c r="O141" s="100"/>
      <c r="P141" s="100"/>
      <c r="Q141" s="100"/>
      <c r="R141" s="100"/>
    </row>
    <row r="142" spans="1:18" ht="32.1" customHeight="1" thickBot="1">
      <c r="A142" s="103"/>
      <c r="B142" s="313">
        <v>11</v>
      </c>
      <c r="C142" s="629" t="s">
        <v>1166</v>
      </c>
      <c r="D142" s="630"/>
      <c r="E142" s="635" t="s">
        <v>396</v>
      </c>
      <c r="F142" s="636"/>
      <c r="G142" s="636"/>
      <c r="H142" s="636"/>
      <c r="I142" s="637"/>
      <c r="J142" s="268" t="s">
        <v>397</v>
      </c>
      <c r="K142" s="378"/>
      <c r="L142" s="379"/>
      <c r="M142" s="320"/>
      <c r="N142" s="100"/>
      <c r="O142" s="100"/>
      <c r="P142" s="100"/>
      <c r="Q142" s="100"/>
      <c r="R142" s="100"/>
    </row>
    <row r="143" spans="1:18" ht="15.95" customHeight="1" thickBot="1">
      <c r="A143" s="103"/>
      <c r="B143" s="313">
        <v>12</v>
      </c>
      <c r="C143" s="633"/>
      <c r="D143" s="634"/>
      <c r="E143" s="635" t="s">
        <v>398</v>
      </c>
      <c r="F143" s="636"/>
      <c r="G143" s="636"/>
      <c r="H143" s="333"/>
      <c r="I143" s="330"/>
      <c r="J143" s="268" t="s">
        <v>399</v>
      </c>
      <c r="K143" s="378"/>
      <c r="L143" s="379"/>
      <c r="M143" s="320"/>
      <c r="N143" s="100"/>
      <c r="O143" s="100"/>
      <c r="P143" s="100"/>
      <c r="Q143" s="100"/>
      <c r="R143" s="100"/>
    </row>
    <row r="144" spans="1:18" ht="15.95" customHeight="1" thickBot="1">
      <c r="A144" s="103"/>
      <c r="B144" s="313">
        <v>13</v>
      </c>
      <c r="C144" s="635" t="s">
        <v>1167</v>
      </c>
      <c r="D144" s="637"/>
      <c r="E144" s="635" t="s">
        <v>400</v>
      </c>
      <c r="F144" s="636"/>
      <c r="G144" s="636"/>
      <c r="H144" s="333"/>
      <c r="I144" s="330"/>
      <c r="J144" s="268" t="s">
        <v>401</v>
      </c>
      <c r="K144" s="378"/>
      <c r="L144" s="379"/>
      <c r="M144" s="320"/>
      <c r="N144" s="100"/>
      <c r="O144" s="100"/>
      <c r="P144" s="100"/>
      <c r="Q144" s="100"/>
      <c r="R144" s="100"/>
    </row>
    <row r="145" spans="1:18" ht="15.95" customHeight="1" thickBot="1">
      <c r="A145" s="103"/>
      <c r="B145" s="313">
        <v>14</v>
      </c>
      <c r="C145" s="629" t="s">
        <v>1168</v>
      </c>
      <c r="D145" s="630"/>
      <c r="E145" s="635" t="s">
        <v>402</v>
      </c>
      <c r="F145" s="636"/>
      <c r="G145" s="636"/>
      <c r="H145" s="333"/>
      <c r="I145" s="330"/>
      <c r="J145" s="268" t="s">
        <v>403</v>
      </c>
      <c r="K145" s="378"/>
      <c r="L145" s="379"/>
      <c r="M145" s="320"/>
      <c r="N145" s="100"/>
      <c r="O145" s="100"/>
      <c r="P145" s="100"/>
      <c r="Q145" s="100"/>
      <c r="R145" s="100"/>
    </row>
    <row r="146" spans="1:18" ht="15.95" customHeight="1" thickBot="1">
      <c r="A146" s="103"/>
      <c r="B146" s="313">
        <v>15</v>
      </c>
      <c r="C146" s="631"/>
      <c r="D146" s="632"/>
      <c r="E146" s="635" t="s">
        <v>404</v>
      </c>
      <c r="F146" s="636"/>
      <c r="G146" s="636"/>
      <c r="H146" s="333"/>
      <c r="I146" s="330"/>
      <c r="J146" s="268" t="s">
        <v>405</v>
      </c>
      <c r="K146" s="378"/>
      <c r="L146" s="379"/>
      <c r="M146" s="320"/>
      <c r="N146" s="100"/>
      <c r="O146" s="100"/>
      <c r="P146" s="100"/>
      <c r="Q146" s="100"/>
      <c r="R146" s="100"/>
    </row>
    <row r="147" spans="1:18" ht="15.95" customHeight="1" thickBot="1">
      <c r="A147" s="103"/>
      <c r="B147" s="313">
        <v>16</v>
      </c>
      <c r="C147" s="631"/>
      <c r="D147" s="632"/>
      <c r="E147" s="635" t="s">
        <v>406</v>
      </c>
      <c r="F147" s="636"/>
      <c r="G147" s="636"/>
      <c r="H147" s="636"/>
      <c r="I147" s="637"/>
      <c r="J147" s="268" t="s">
        <v>407</v>
      </c>
      <c r="K147" s="378"/>
      <c r="L147" s="379"/>
      <c r="M147" s="320"/>
      <c r="N147" s="100"/>
      <c r="O147" s="100"/>
      <c r="P147" s="100"/>
      <c r="Q147" s="100"/>
      <c r="R147" s="100"/>
    </row>
    <row r="148" spans="1:18" ht="15.95" customHeight="1" thickBot="1">
      <c r="A148" s="103"/>
      <c r="B148" s="313">
        <v>17</v>
      </c>
      <c r="C148" s="633"/>
      <c r="D148" s="634"/>
      <c r="E148" s="635" t="s">
        <v>408</v>
      </c>
      <c r="F148" s="636"/>
      <c r="G148" s="636"/>
      <c r="H148" s="333"/>
      <c r="I148" s="330"/>
      <c r="J148" s="268" t="s">
        <v>409</v>
      </c>
      <c r="K148" s="378"/>
      <c r="L148" s="379"/>
      <c r="M148" s="320"/>
      <c r="N148" s="100"/>
      <c r="O148" s="100"/>
      <c r="P148" s="100"/>
      <c r="Q148" s="100"/>
      <c r="R148" s="100"/>
    </row>
    <row r="149" spans="1:18" ht="15.95" customHeight="1" thickBot="1">
      <c r="A149" s="103"/>
      <c r="B149" s="313">
        <v>18</v>
      </c>
      <c r="C149" s="629" t="s">
        <v>1169</v>
      </c>
      <c r="D149" s="630"/>
      <c r="E149" s="635" t="s">
        <v>410</v>
      </c>
      <c r="F149" s="636"/>
      <c r="G149" s="636"/>
      <c r="H149" s="333"/>
      <c r="I149" s="330"/>
      <c r="J149" s="269">
        <v>27766</v>
      </c>
      <c r="K149" s="107"/>
      <c r="L149" s="100"/>
      <c r="M149" s="100"/>
      <c r="N149" s="100"/>
      <c r="O149" s="100"/>
      <c r="P149" s="100"/>
      <c r="Q149" s="100"/>
      <c r="R149" s="100"/>
    </row>
    <row r="150" spans="1:18" ht="15.95" customHeight="1" thickBot="1">
      <c r="A150" s="103"/>
      <c r="B150" s="314">
        <v>19</v>
      </c>
      <c r="C150" s="631"/>
      <c r="D150" s="632"/>
      <c r="E150" s="635" t="s">
        <v>411</v>
      </c>
      <c r="F150" s="636"/>
      <c r="G150" s="636"/>
      <c r="H150" s="331"/>
      <c r="I150" s="332"/>
      <c r="J150" s="334" t="s">
        <v>412</v>
      </c>
      <c r="K150" s="329"/>
      <c r="L150" s="396"/>
      <c r="M150" s="107"/>
      <c r="N150" s="100"/>
      <c r="O150" s="100"/>
      <c r="P150" s="100"/>
      <c r="Q150" s="100"/>
      <c r="R150" s="100"/>
    </row>
    <row r="151" spans="1:18" ht="15.95" customHeight="1" thickBot="1">
      <c r="A151" s="103"/>
      <c r="B151" s="313">
        <v>20</v>
      </c>
      <c r="C151" s="633"/>
      <c r="D151" s="634"/>
      <c r="E151" s="635" t="s">
        <v>413</v>
      </c>
      <c r="F151" s="636"/>
      <c r="G151" s="636"/>
      <c r="H151" s="333"/>
      <c r="I151" s="330"/>
      <c r="J151" s="268" t="s">
        <v>414</v>
      </c>
      <c r="K151" s="329"/>
      <c r="L151" s="396"/>
      <c r="M151" s="107"/>
      <c r="N151" s="100"/>
      <c r="O151" s="100"/>
      <c r="P151" s="100"/>
      <c r="Q151" s="100"/>
      <c r="R151" s="100"/>
    </row>
    <row r="152" spans="1:18" ht="15.95" customHeight="1" thickBot="1">
      <c r="A152" s="103"/>
      <c r="B152" s="313">
        <v>21</v>
      </c>
      <c r="C152" s="629" t="s">
        <v>1170</v>
      </c>
      <c r="D152" s="630"/>
      <c r="E152" s="635" t="s">
        <v>415</v>
      </c>
      <c r="F152" s="636"/>
      <c r="G152" s="636"/>
      <c r="H152" s="333"/>
      <c r="I152" s="330"/>
      <c r="J152" s="269">
        <v>27398</v>
      </c>
      <c r="K152" s="329"/>
      <c r="L152" s="396"/>
      <c r="M152" s="107"/>
      <c r="N152" s="100"/>
      <c r="O152" s="100"/>
      <c r="P152" s="100"/>
      <c r="Q152" s="100"/>
      <c r="R152" s="100"/>
    </row>
    <row r="153" spans="1:18" ht="15.95" customHeight="1" thickBot="1">
      <c r="A153" s="103"/>
      <c r="B153" s="313">
        <v>22</v>
      </c>
      <c r="C153" s="633"/>
      <c r="D153" s="634"/>
      <c r="E153" s="635" t="s">
        <v>416</v>
      </c>
      <c r="F153" s="636"/>
      <c r="G153" s="636"/>
      <c r="H153" s="333"/>
      <c r="I153" s="330"/>
      <c r="J153" s="268" t="s">
        <v>417</v>
      </c>
      <c r="K153" s="329"/>
      <c r="L153" s="396"/>
      <c r="M153" s="107"/>
      <c r="N153" s="100"/>
      <c r="O153" s="100"/>
      <c r="P153" s="100"/>
      <c r="Q153" s="100"/>
      <c r="R153" s="100"/>
    </row>
    <row r="154" spans="1:18" ht="15.95" customHeight="1" thickBot="1">
      <c r="A154" s="103"/>
      <c r="B154" s="313">
        <v>23</v>
      </c>
      <c r="C154" s="629" t="s">
        <v>1171</v>
      </c>
      <c r="D154" s="630"/>
      <c r="E154" s="635" t="s">
        <v>418</v>
      </c>
      <c r="F154" s="636"/>
      <c r="G154" s="636"/>
      <c r="H154" s="333"/>
      <c r="I154" s="330"/>
      <c r="J154" s="268" t="s">
        <v>419</v>
      </c>
      <c r="K154" s="329"/>
      <c r="L154" s="396"/>
      <c r="M154" s="107"/>
      <c r="N154" s="100"/>
      <c r="O154" s="100"/>
      <c r="P154" s="100"/>
      <c r="Q154" s="100"/>
      <c r="R154" s="100"/>
    </row>
    <row r="155" spans="1:18" ht="15.95" customHeight="1" thickBot="1">
      <c r="A155" s="103"/>
      <c r="B155" s="313">
        <v>24</v>
      </c>
      <c r="C155" s="631"/>
      <c r="D155" s="632"/>
      <c r="E155" s="635" t="s">
        <v>420</v>
      </c>
      <c r="F155" s="636"/>
      <c r="G155" s="636"/>
      <c r="H155" s="636"/>
      <c r="I155" s="637"/>
      <c r="J155" s="268" t="s">
        <v>421</v>
      </c>
      <c r="K155" s="329"/>
      <c r="L155" s="396"/>
      <c r="M155" s="107"/>
      <c r="N155" s="100"/>
      <c r="O155" s="100"/>
      <c r="P155" s="100"/>
      <c r="Q155" s="100"/>
      <c r="R155" s="100"/>
    </row>
    <row r="156" spans="1:18" ht="15.95" customHeight="1" thickBot="1">
      <c r="A156" s="103"/>
      <c r="B156" s="313">
        <v>25</v>
      </c>
      <c r="C156" s="633"/>
      <c r="D156" s="634"/>
      <c r="E156" s="635" t="s">
        <v>422</v>
      </c>
      <c r="F156" s="636"/>
      <c r="G156" s="636"/>
      <c r="H156" s="333"/>
      <c r="I156" s="330"/>
      <c r="J156" s="269">
        <v>35983</v>
      </c>
      <c r="K156" s="329"/>
      <c r="L156" s="396"/>
      <c r="M156" s="107"/>
      <c r="N156" s="100"/>
      <c r="O156" s="100"/>
      <c r="P156" s="100"/>
      <c r="Q156" s="100"/>
      <c r="R156" s="100"/>
    </row>
    <row r="157" spans="1:18" ht="15.95" customHeight="1" thickBot="1">
      <c r="A157" s="103"/>
      <c r="B157" s="313">
        <v>26</v>
      </c>
      <c r="C157" s="635" t="s">
        <v>1172</v>
      </c>
      <c r="D157" s="637"/>
      <c r="E157" s="635" t="s">
        <v>423</v>
      </c>
      <c r="F157" s="636"/>
      <c r="G157" s="636"/>
      <c r="H157" s="333"/>
      <c r="I157" s="330"/>
      <c r="J157" s="268" t="s">
        <v>424</v>
      </c>
      <c r="K157" s="378"/>
      <c r="L157" s="396"/>
      <c r="M157" s="378"/>
      <c r="N157" s="396"/>
      <c r="O157" s="107"/>
      <c r="P157" s="100"/>
      <c r="Q157" s="100"/>
      <c r="R157" s="100"/>
    </row>
    <row r="158" spans="1:18" ht="28.5" customHeight="1" thickBot="1">
      <c r="A158" s="103"/>
      <c r="B158" s="313">
        <v>27</v>
      </c>
      <c r="C158" s="635" t="s">
        <v>1173</v>
      </c>
      <c r="D158" s="636"/>
      <c r="E158" s="635" t="s">
        <v>425</v>
      </c>
      <c r="F158" s="636"/>
      <c r="G158" s="636"/>
      <c r="H158" s="333"/>
      <c r="I158" s="330"/>
      <c r="J158" s="268" t="s">
        <v>426</v>
      </c>
      <c r="K158" s="378"/>
      <c r="L158" s="396"/>
      <c r="M158" s="378"/>
      <c r="N158" s="396"/>
      <c r="O158" s="107"/>
      <c r="P158" s="100"/>
      <c r="Q158" s="100"/>
      <c r="R158" s="100"/>
    </row>
    <row r="159" spans="1:18" ht="15.95" customHeight="1" thickBot="1">
      <c r="A159" s="103"/>
      <c r="B159" s="313">
        <v>28</v>
      </c>
      <c r="C159" s="635" t="s">
        <v>1174</v>
      </c>
      <c r="D159" s="637"/>
      <c r="E159" s="635" t="s">
        <v>427</v>
      </c>
      <c r="F159" s="636"/>
      <c r="G159" s="636"/>
      <c r="H159" s="333"/>
      <c r="I159" s="330"/>
      <c r="J159" s="268" t="s">
        <v>428</v>
      </c>
      <c r="K159" s="378"/>
      <c r="L159" s="396"/>
      <c r="M159" s="378"/>
      <c r="N159" s="396"/>
      <c r="O159" s="107"/>
      <c r="P159" s="100"/>
      <c r="Q159" s="100"/>
      <c r="R159" s="100"/>
    </row>
    <row r="160" spans="1:18" ht="15.95" customHeight="1" thickBot="1">
      <c r="A160" s="103"/>
      <c r="B160" s="313">
        <v>29</v>
      </c>
      <c r="C160" s="635" t="s">
        <v>1175</v>
      </c>
      <c r="D160" s="637"/>
      <c r="E160" s="635" t="s">
        <v>429</v>
      </c>
      <c r="F160" s="636"/>
      <c r="G160" s="636"/>
      <c r="H160" s="333"/>
      <c r="I160" s="330"/>
      <c r="J160" s="269">
        <v>35407</v>
      </c>
      <c r="K160" s="378"/>
      <c r="L160" s="396"/>
      <c r="M160" s="378"/>
      <c r="N160" s="396"/>
      <c r="O160" s="107"/>
      <c r="P160" s="100"/>
      <c r="Q160" s="100"/>
      <c r="R160" s="100"/>
    </row>
    <row r="161" spans="1:18" ht="15.95" customHeight="1" thickBot="1">
      <c r="A161" s="103"/>
      <c r="B161" s="314">
        <v>30</v>
      </c>
      <c r="C161" s="629" t="s">
        <v>1176</v>
      </c>
      <c r="D161" s="654"/>
      <c r="E161" s="635" t="s">
        <v>430</v>
      </c>
      <c r="F161" s="636"/>
      <c r="G161" s="636"/>
      <c r="H161" s="333"/>
      <c r="I161" s="330"/>
      <c r="J161" s="268" t="s">
        <v>431</v>
      </c>
      <c r="K161" s="378"/>
      <c r="L161" s="396"/>
      <c r="M161" s="378"/>
      <c r="N161" s="396"/>
      <c r="O161" s="107"/>
      <c r="P161" s="100"/>
      <c r="Q161" s="100"/>
      <c r="R161" s="100"/>
    </row>
    <row r="162" spans="1:18" ht="15.95" customHeight="1" thickBot="1">
      <c r="A162" s="103"/>
      <c r="B162" s="314">
        <v>31</v>
      </c>
      <c r="C162" s="633"/>
      <c r="D162" s="655"/>
      <c r="E162" s="635" t="s">
        <v>432</v>
      </c>
      <c r="F162" s="636"/>
      <c r="G162" s="636"/>
      <c r="H162" s="333"/>
      <c r="I162" s="330"/>
      <c r="J162" s="268" t="s">
        <v>433</v>
      </c>
      <c r="K162" s="378"/>
      <c r="L162" s="396"/>
      <c r="M162" s="378"/>
      <c r="N162" s="396"/>
      <c r="O162" s="107"/>
      <c r="P162" s="100"/>
      <c r="Q162" s="100"/>
      <c r="R162" s="100"/>
    </row>
    <row r="163" spans="1:18" ht="27.75" customHeight="1" thickBot="1">
      <c r="A163" s="103"/>
      <c r="B163" s="314">
        <v>32</v>
      </c>
      <c r="C163" s="635" t="s">
        <v>1177</v>
      </c>
      <c r="D163" s="637"/>
      <c r="E163" s="635" t="s">
        <v>434</v>
      </c>
      <c r="F163" s="636"/>
      <c r="G163" s="636"/>
      <c r="H163" s="333"/>
      <c r="I163" s="330"/>
      <c r="J163" s="268" t="s">
        <v>435</v>
      </c>
      <c r="K163" s="378"/>
      <c r="L163" s="396"/>
      <c r="M163" s="378"/>
      <c r="N163" s="396"/>
      <c r="O163" s="107"/>
      <c r="P163" s="100"/>
      <c r="Q163" s="100"/>
      <c r="R163" s="100"/>
    </row>
    <row r="164" spans="1:18" ht="15.95" customHeight="1" thickBot="1">
      <c r="A164" s="103"/>
      <c r="B164" s="314">
        <v>33</v>
      </c>
      <c r="C164" s="635" t="s">
        <v>1019</v>
      </c>
      <c r="D164" s="637"/>
      <c r="E164" s="635" t="s">
        <v>436</v>
      </c>
      <c r="F164" s="636"/>
      <c r="G164" s="636"/>
      <c r="H164" s="333"/>
      <c r="I164" s="330"/>
      <c r="J164" s="268" t="s">
        <v>437</v>
      </c>
      <c r="K164" s="378"/>
      <c r="L164" s="396"/>
      <c r="M164" s="378"/>
      <c r="N164" s="396"/>
      <c r="O164" s="107"/>
      <c r="P164" s="100"/>
      <c r="Q164" s="100"/>
      <c r="R164" s="100"/>
    </row>
    <row r="165" spans="1:18" ht="15.95" customHeight="1" thickBot="1">
      <c r="A165" s="103"/>
      <c r="B165" s="314">
        <v>34</v>
      </c>
      <c r="C165" s="635" t="s">
        <v>1178</v>
      </c>
      <c r="D165" s="637"/>
      <c r="E165" s="635" t="s">
        <v>438</v>
      </c>
      <c r="F165" s="636"/>
      <c r="G165" s="636"/>
      <c r="H165" s="333"/>
      <c r="I165" s="330"/>
      <c r="J165" s="269">
        <v>27639</v>
      </c>
      <c r="K165" s="378"/>
      <c r="L165" s="396"/>
      <c r="M165" s="378"/>
      <c r="N165" s="396"/>
      <c r="O165" s="107"/>
      <c r="P165" s="100"/>
      <c r="Q165" s="100"/>
      <c r="R165" s="100"/>
    </row>
    <row r="166" spans="1:18" ht="15.95" customHeight="1" thickBot="1">
      <c r="A166" s="103"/>
      <c r="B166" s="314">
        <v>35</v>
      </c>
      <c r="C166" s="635" t="s">
        <v>1179</v>
      </c>
      <c r="D166" s="637"/>
      <c r="E166" s="635" t="s">
        <v>439</v>
      </c>
      <c r="F166" s="636"/>
      <c r="G166" s="636"/>
      <c r="H166" s="333"/>
      <c r="I166" s="330"/>
      <c r="J166" s="268" t="s">
        <v>440</v>
      </c>
      <c r="K166" s="378"/>
      <c r="L166" s="396"/>
      <c r="M166" s="378"/>
      <c r="N166" s="396"/>
      <c r="O166" s="107"/>
      <c r="P166" s="100"/>
      <c r="Q166" s="100"/>
      <c r="R166" s="100"/>
    </row>
    <row r="167" spans="1:18" ht="15.95" customHeight="1" thickBot="1">
      <c r="A167" s="103"/>
      <c r="B167" s="314">
        <v>36</v>
      </c>
      <c r="C167" s="635" t="s">
        <v>1180</v>
      </c>
      <c r="D167" s="637"/>
      <c r="E167" s="635" t="s">
        <v>441</v>
      </c>
      <c r="F167" s="636"/>
      <c r="G167" s="636"/>
      <c r="H167" s="333"/>
      <c r="I167" s="330"/>
      <c r="J167" s="268" t="s">
        <v>442</v>
      </c>
      <c r="K167" s="378"/>
      <c r="L167" s="396"/>
      <c r="M167" s="107"/>
      <c r="N167" s="100"/>
      <c r="O167" s="100"/>
      <c r="P167" s="100"/>
      <c r="Q167" s="100"/>
      <c r="R167" s="100"/>
    </row>
    <row r="168" spans="1:18" ht="15.95" customHeight="1" thickBot="1">
      <c r="A168" s="103"/>
      <c r="B168" s="314">
        <v>37</v>
      </c>
      <c r="C168" s="656" t="s">
        <v>1181</v>
      </c>
      <c r="D168" s="657"/>
      <c r="E168" s="635" t="s">
        <v>443</v>
      </c>
      <c r="F168" s="636"/>
      <c r="G168" s="636"/>
      <c r="H168" s="333"/>
      <c r="I168" s="330"/>
      <c r="J168" s="268" t="s">
        <v>444</v>
      </c>
      <c r="K168" s="378"/>
      <c r="L168" s="396"/>
      <c r="M168" s="107"/>
      <c r="N168" s="100"/>
      <c r="O168" s="100"/>
      <c r="P168" s="100"/>
      <c r="Q168" s="100"/>
      <c r="R168" s="100"/>
    </row>
    <row r="169" spans="1:18" ht="15.95" customHeight="1" thickBot="1">
      <c r="A169" s="103"/>
      <c r="B169" s="314">
        <v>38</v>
      </c>
      <c r="C169" s="635" t="s">
        <v>1182</v>
      </c>
      <c r="D169" s="637"/>
      <c r="E169" s="635" t="s">
        <v>445</v>
      </c>
      <c r="F169" s="636"/>
      <c r="G169" s="636"/>
      <c r="H169" s="333"/>
      <c r="I169" s="330"/>
      <c r="J169" s="268" t="s">
        <v>446</v>
      </c>
      <c r="K169" s="378"/>
      <c r="L169" s="396"/>
      <c r="M169" s="107"/>
      <c r="N169" s="100"/>
      <c r="O169" s="100"/>
      <c r="P169" s="100"/>
      <c r="Q169" s="100"/>
      <c r="R169" s="100"/>
    </row>
    <row r="170" spans="1:18" ht="15.95" customHeight="1" thickBot="1">
      <c r="A170" s="103"/>
      <c r="B170" s="314">
        <v>39</v>
      </c>
      <c r="C170" s="635" t="s">
        <v>1183</v>
      </c>
      <c r="D170" s="637"/>
      <c r="E170" s="635" t="s">
        <v>447</v>
      </c>
      <c r="F170" s="636"/>
      <c r="G170" s="636"/>
      <c r="H170" s="333"/>
      <c r="I170" s="330"/>
      <c r="J170" s="268" t="s">
        <v>448</v>
      </c>
      <c r="K170" s="378"/>
      <c r="L170" s="396"/>
      <c r="M170" s="107"/>
      <c r="N170" s="100"/>
      <c r="O170" s="100"/>
      <c r="P170" s="100"/>
      <c r="Q170" s="100"/>
      <c r="R170" s="100"/>
    </row>
    <row r="171" spans="1:18" ht="15.95" customHeight="1" thickBot="1">
      <c r="A171" s="103"/>
      <c r="B171" s="314">
        <v>40</v>
      </c>
      <c r="C171" s="658" t="s">
        <v>1184</v>
      </c>
      <c r="D171" s="659"/>
      <c r="E171" s="635" t="s">
        <v>449</v>
      </c>
      <c r="F171" s="636"/>
      <c r="G171" s="636"/>
      <c r="H171" s="333"/>
      <c r="I171" s="330"/>
      <c r="J171" s="268" t="s">
        <v>450</v>
      </c>
      <c r="K171" s="378"/>
      <c r="L171" s="396"/>
      <c r="M171" s="107"/>
      <c r="N171" s="100"/>
      <c r="O171" s="100"/>
      <c r="P171" s="100"/>
      <c r="Q171" s="100"/>
      <c r="R171" s="100"/>
    </row>
    <row r="172" spans="1:18" ht="15.95" customHeight="1" thickBot="1">
      <c r="A172" s="103"/>
      <c r="B172" s="314">
        <v>41</v>
      </c>
      <c r="C172" s="660"/>
      <c r="D172" s="661"/>
      <c r="E172" s="635" t="s">
        <v>451</v>
      </c>
      <c r="F172" s="636"/>
      <c r="G172" s="636"/>
      <c r="H172" s="333"/>
      <c r="I172" s="330"/>
      <c r="J172" s="268" t="s">
        <v>452</v>
      </c>
      <c r="K172" s="378"/>
      <c r="L172" s="396"/>
      <c r="M172" s="107"/>
      <c r="N172" s="100"/>
      <c r="O172" s="100"/>
      <c r="P172" s="100"/>
      <c r="Q172" s="100"/>
      <c r="R172" s="100"/>
    </row>
    <row r="173" spans="1:18" ht="15.95" customHeight="1" thickBot="1">
      <c r="A173" s="103"/>
      <c r="B173" s="314">
        <v>42</v>
      </c>
      <c r="C173" s="660"/>
      <c r="D173" s="661"/>
      <c r="E173" s="635" t="s">
        <v>453</v>
      </c>
      <c r="F173" s="636"/>
      <c r="G173" s="636"/>
      <c r="H173" s="333"/>
      <c r="I173" s="330"/>
      <c r="J173" s="268" t="s">
        <v>454</v>
      </c>
      <c r="K173" s="378"/>
      <c r="L173" s="396"/>
      <c r="M173" s="107"/>
      <c r="N173" s="100"/>
      <c r="O173" s="100"/>
      <c r="P173" s="100"/>
      <c r="Q173" s="100"/>
      <c r="R173" s="100"/>
    </row>
    <row r="174" spans="1:18" ht="15.95" customHeight="1" thickBot="1">
      <c r="A174" s="103"/>
      <c r="B174" s="314">
        <v>43</v>
      </c>
      <c r="C174" s="660"/>
      <c r="D174" s="661"/>
      <c r="E174" s="635" t="s">
        <v>455</v>
      </c>
      <c r="F174" s="636"/>
      <c r="G174" s="636"/>
      <c r="H174" s="333"/>
      <c r="I174" s="330"/>
      <c r="J174" s="268" t="s">
        <v>456</v>
      </c>
      <c r="K174" s="378"/>
      <c r="L174" s="396"/>
      <c r="M174" s="107"/>
      <c r="N174" s="100"/>
      <c r="O174" s="100"/>
      <c r="P174" s="100"/>
      <c r="Q174" s="100"/>
      <c r="R174" s="100"/>
    </row>
    <row r="175" spans="1:18" ht="15.95" customHeight="1" thickBot="1">
      <c r="A175" s="103"/>
      <c r="B175" s="314">
        <v>44</v>
      </c>
      <c r="C175" s="660"/>
      <c r="D175" s="661"/>
      <c r="E175" s="635" t="s">
        <v>457</v>
      </c>
      <c r="F175" s="636"/>
      <c r="G175" s="636"/>
      <c r="H175" s="333"/>
      <c r="I175" s="330"/>
      <c r="J175" s="268" t="s">
        <v>458</v>
      </c>
      <c r="K175" s="378"/>
      <c r="L175" s="396"/>
      <c r="M175" s="107"/>
      <c r="N175" s="100"/>
      <c r="O175" s="100"/>
      <c r="P175" s="100"/>
      <c r="Q175" s="100"/>
      <c r="R175" s="100"/>
    </row>
    <row r="176" spans="1:18" ht="15.95" customHeight="1" thickBot="1">
      <c r="A176" s="103"/>
      <c r="B176" s="314">
        <v>45</v>
      </c>
      <c r="C176" s="660"/>
      <c r="D176" s="661"/>
      <c r="E176" s="635" t="s">
        <v>459</v>
      </c>
      <c r="F176" s="636"/>
      <c r="G176" s="636"/>
      <c r="H176" s="333"/>
      <c r="I176" s="330"/>
      <c r="J176" s="268" t="s">
        <v>460</v>
      </c>
      <c r="K176" s="378"/>
      <c r="L176" s="379"/>
      <c r="M176" s="378"/>
      <c r="N176" s="396"/>
      <c r="O176" s="107"/>
      <c r="P176" s="100"/>
      <c r="Q176" s="100"/>
      <c r="R176" s="100"/>
    </row>
    <row r="177" spans="1:18" ht="15.95" customHeight="1" thickBot="1">
      <c r="A177" s="103"/>
      <c r="B177" s="314">
        <v>46</v>
      </c>
      <c r="C177" s="662"/>
      <c r="D177" s="663"/>
      <c r="E177" s="635" t="s">
        <v>461</v>
      </c>
      <c r="F177" s="636"/>
      <c r="G177" s="636"/>
      <c r="H177" s="333"/>
      <c r="I177" s="330"/>
      <c r="J177" s="268" t="s">
        <v>462</v>
      </c>
      <c r="K177" s="378"/>
      <c r="L177" s="379"/>
      <c r="M177" s="378"/>
      <c r="N177" s="379"/>
      <c r="O177" s="378"/>
      <c r="P177" s="396"/>
      <c r="Q177" s="107"/>
      <c r="R177" s="100"/>
    </row>
    <row r="178" spans="1:18" ht="15.95" customHeight="1" thickBot="1">
      <c r="A178" s="103"/>
      <c r="B178" s="314">
        <v>47</v>
      </c>
      <c r="C178" s="635" t="s">
        <v>1185</v>
      </c>
      <c r="D178" s="637"/>
      <c r="E178" s="635" t="s">
        <v>463</v>
      </c>
      <c r="F178" s="636"/>
      <c r="G178" s="636"/>
      <c r="H178" s="333"/>
      <c r="I178" s="330"/>
      <c r="J178" s="268" t="s">
        <v>464</v>
      </c>
      <c r="K178" s="378"/>
      <c r="L178" s="379"/>
      <c r="M178" s="378"/>
      <c r="N178" s="379"/>
      <c r="O178" s="378"/>
      <c r="P178" s="396"/>
      <c r="Q178" s="107"/>
      <c r="R178" s="100"/>
    </row>
    <row r="179" spans="1:18" ht="15.95" customHeight="1" thickBot="1">
      <c r="A179" s="103"/>
      <c r="B179" s="314">
        <v>48</v>
      </c>
      <c r="C179" s="635" t="s">
        <v>1020</v>
      </c>
      <c r="D179" s="637"/>
      <c r="E179" s="635" t="s">
        <v>465</v>
      </c>
      <c r="F179" s="636"/>
      <c r="G179" s="636"/>
      <c r="H179" s="333"/>
      <c r="I179" s="330"/>
      <c r="J179" s="268" t="s">
        <v>466</v>
      </c>
      <c r="K179" s="378"/>
      <c r="L179" s="379"/>
      <c r="M179" s="378"/>
      <c r="N179" s="379"/>
      <c r="O179" s="378"/>
      <c r="P179" s="396"/>
      <c r="Q179" s="107"/>
      <c r="R179" s="100"/>
    </row>
    <row r="180" spans="1:18" ht="31.5" customHeight="1" thickBot="1">
      <c r="A180" s="103"/>
      <c r="B180" s="314">
        <v>49</v>
      </c>
      <c r="C180" s="635" t="s">
        <v>1186</v>
      </c>
      <c r="D180" s="637"/>
      <c r="E180" s="635" t="s">
        <v>467</v>
      </c>
      <c r="F180" s="636"/>
      <c r="G180" s="636"/>
      <c r="H180" s="333"/>
      <c r="I180" s="330"/>
      <c r="J180" s="268" t="s">
        <v>468</v>
      </c>
      <c r="K180" s="378"/>
      <c r="L180" s="379"/>
      <c r="M180" s="378"/>
      <c r="N180" s="379"/>
      <c r="O180" s="378"/>
      <c r="P180" s="396"/>
      <c r="Q180" s="107"/>
      <c r="R180" s="100"/>
    </row>
    <row r="181" spans="1:18" ht="15.95" customHeight="1" thickBot="1">
      <c r="A181" s="103"/>
      <c r="B181" s="314">
        <v>50</v>
      </c>
      <c r="C181" s="629" t="s">
        <v>1187</v>
      </c>
      <c r="D181" s="630"/>
      <c r="E181" s="635" t="s">
        <v>469</v>
      </c>
      <c r="F181" s="636"/>
      <c r="G181" s="636"/>
      <c r="H181" s="331"/>
      <c r="I181" s="332"/>
      <c r="J181" s="334" t="s">
        <v>470</v>
      </c>
      <c r="K181" s="378"/>
      <c r="L181" s="379"/>
      <c r="M181" s="378"/>
      <c r="N181" s="379"/>
      <c r="O181" s="378"/>
      <c r="P181" s="396"/>
      <c r="Q181" s="107"/>
      <c r="R181" s="100"/>
    </row>
    <row r="182" spans="1:18" ht="15.95" customHeight="1" thickBot="1">
      <c r="A182" s="103"/>
      <c r="B182" s="314">
        <v>51</v>
      </c>
      <c r="C182" s="631"/>
      <c r="D182" s="632"/>
      <c r="E182" s="635" t="s">
        <v>471</v>
      </c>
      <c r="F182" s="636"/>
      <c r="G182" s="636"/>
      <c r="H182" s="333"/>
      <c r="I182" s="330"/>
      <c r="J182" s="268" t="s">
        <v>472</v>
      </c>
      <c r="K182" s="378"/>
      <c r="L182" s="379"/>
      <c r="M182" s="378"/>
      <c r="N182" s="379"/>
      <c r="O182" s="378"/>
      <c r="P182" s="396"/>
      <c r="Q182" s="107"/>
      <c r="R182" s="100"/>
    </row>
    <row r="183" spans="1:18" ht="15.95" customHeight="1" thickBot="1">
      <c r="A183" s="103"/>
      <c r="B183" s="314">
        <v>52</v>
      </c>
      <c r="C183" s="631"/>
      <c r="D183" s="632"/>
      <c r="E183" s="635" t="s">
        <v>473</v>
      </c>
      <c r="F183" s="636"/>
      <c r="G183" s="636"/>
      <c r="H183" s="333"/>
      <c r="I183" s="330"/>
      <c r="J183" s="268" t="s">
        <v>474</v>
      </c>
      <c r="K183" s="378"/>
      <c r="L183" s="379"/>
      <c r="M183" s="378"/>
      <c r="N183" s="379"/>
      <c r="O183" s="378"/>
      <c r="P183" s="396"/>
      <c r="Q183" s="107"/>
      <c r="R183" s="100"/>
    </row>
    <row r="184" spans="1:18" ht="15.95" customHeight="1" thickBot="1">
      <c r="A184" s="103"/>
      <c r="B184" s="314">
        <v>53</v>
      </c>
      <c r="C184" s="631"/>
      <c r="D184" s="632"/>
      <c r="E184" s="635" t="s">
        <v>475</v>
      </c>
      <c r="F184" s="636"/>
      <c r="G184" s="636"/>
      <c r="H184" s="333"/>
      <c r="I184" s="330"/>
      <c r="J184" s="268" t="s">
        <v>476</v>
      </c>
      <c r="K184" s="378"/>
      <c r="L184" s="379"/>
      <c r="M184" s="378"/>
      <c r="N184" s="379"/>
      <c r="O184" s="378"/>
      <c r="P184" s="396"/>
      <c r="Q184" s="107"/>
      <c r="R184" s="100"/>
    </row>
    <row r="185" spans="1:18" ht="15.95" customHeight="1" thickBot="1">
      <c r="A185" s="103"/>
      <c r="B185" s="314">
        <v>54</v>
      </c>
      <c r="C185" s="631"/>
      <c r="D185" s="632"/>
      <c r="E185" s="635" t="s">
        <v>477</v>
      </c>
      <c r="F185" s="636"/>
      <c r="G185" s="636"/>
      <c r="H185" s="333"/>
      <c r="I185" s="330"/>
      <c r="J185" s="268" t="s">
        <v>478</v>
      </c>
      <c r="K185" s="378"/>
      <c r="L185" s="379"/>
      <c r="M185" s="378"/>
      <c r="N185" s="379"/>
      <c r="O185" s="378"/>
      <c r="P185" s="396"/>
      <c r="Q185" s="107"/>
      <c r="R185" s="100"/>
    </row>
    <row r="186" spans="1:18" ht="15.95" customHeight="1" thickBot="1">
      <c r="A186" s="103"/>
      <c r="B186" s="314">
        <v>55</v>
      </c>
      <c r="C186" s="631"/>
      <c r="D186" s="632"/>
      <c r="E186" s="635" t="s">
        <v>479</v>
      </c>
      <c r="F186" s="636"/>
      <c r="G186" s="636"/>
      <c r="H186" s="333"/>
      <c r="I186" s="330"/>
      <c r="J186" s="268" t="s">
        <v>480</v>
      </c>
      <c r="K186" s="378"/>
      <c r="L186" s="379"/>
      <c r="M186" s="378"/>
      <c r="N186" s="379"/>
      <c r="O186" s="378"/>
      <c r="P186" s="396"/>
      <c r="Q186" s="107"/>
      <c r="R186" s="100"/>
    </row>
    <row r="187" spans="1:18" ht="15.95" customHeight="1" thickBot="1">
      <c r="A187" s="103"/>
      <c r="B187" s="314">
        <v>56</v>
      </c>
      <c r="C187" s="631"/>
      <c r="D187" s="632"/>
      <c r="E187" s="635" t="s">
        <v>481</v>
      </c>
      <c r="F187" s="636"/>
      <c r="G187" s="636"/>
      <c r="H187" s="333"/>
      <c r="I187" s="330"/>
      <c r="J187" s="268" t="s">
        <v>482</v>
      </c>
      <c r="K187" s="378"/>
      <c r="L187" s="379"/>
      <c r="M187" s="378"/>
      <c r="N187" s="379"/>
      <c r="O187" s="378"/>
      <c r="P187" s="396"/>
      <c r="Q187" s="107"/>
      <c r="R187" s="100"/>
    </row>
    <row r="188" spans="1:18" ht="15.95" customHeight="1" thickBot="1">
      <c r="A188" s="103"/>
      <c r="B188" s="314">
        <v>57</v>
      </c>
      <c r="C188" s="631"/>
      <c r="D188" s="632"/>
      <c r="E188" s="635" t="s">
        <v>483</v>
      </c>
      <c r="F188" s="636"/>
      <c r="G188" s="636"/>
      <c r="H188" s="333"/>
      <c r="I188" s="330"/>
      <c r="J188" s="268" t="s">
        <v>484</v>
      </c>
      <c r="K188" s="378"/>
      <c r="L188" s="379"/>
      <c r="M188" s="378"/>
      <c r="N188" s="379"/>
      <c r="O188" s="378"/>
      <c r="P188" s="396"/>
      <c r="Q188" s="107"/>
      <c r="R188" s="100"/>
    </row>
    <row r="189" spans="1:18" ht="15.95" customHeight="1" thickBot="1">
      <c r="A189" s="103"/>
      <c r="B189" s="314">
        <v>58</v>
      </c>
      <c r="C189" s="633"/>
      <c r="D189" s="634"/>
      <c r="E189" s="635" t="s">
        <v>485</v>
      </c>
      <c r="F189" s="636"/>
      <c r="G189" s="636"/>
      <c r="H189" s="333"/>
      <c r="I189" s="330"/>
      <c r="J189" s="268" t="s">
        <v>486</v>
      </c>
      <c r="K189" s="378"/>
      <c r="L189" s="379"/>
      <c r="M189" s="378"/>
      <c r="N189" s="379"/>
      <c r="O189" s="378"/>
      <c r="P189" s="396"/>
      <c r="Q189" s="107"/>
      <c r="R189" s="100"/>
    </row>
    <row r="190" spans="1:18" ht="15.95" customHeight="1" thickBot="1">
      <c r="A190" s="103"/>
      <c r="B190" s="314">
        <v>59</v>
      </c>
      <c r="C190" s="635" t="s">
        <v>1188</v>
      </c>
      <c r="D190" s="637"/>
      <c r="E190" s="635" t="s">
        <v>487</v>
      </c>
      <c r="F190" s="636"/>
      <c r="G190" s="636"/>
      <c r="H190" s="333"/>
      <c r="I190" s="330"/>
      <c r="J190" s="268" t="s">
        <v>488</v>
      </c>
      <c r="K190" s="378"/>
      <c r="L190" s="379"/>
      <c r="M190" s="378"/>
      <c r="N190" s="379"/>
      <c r="O190" s="378"/>
      <c r="P190" s="396"/>
      <c r="Q190" s="107"/>
      <c r="R190" s="100"/>
    </row>
    <row r="191" spans="1:18" ht="15.95" customHeight="1" thickBot="1">
      <c r="A191" s="103"/>
      <c r="B191" s="314">
        <v>60</v>
      </c>
      <c r="C191" s="629" t="s">
        <v>1189</v>
      </c>
      <c r="D191" s="630"/>
      <c r="E191" s="635" t="s">
        <v>489</v>
      </c>
      <c r="F191" s="636"/>
      <c r="G191" s="636"/>
      <c r="H191" s="636"/>
      <c r="I191" s="637"/>
      <c r="J191" s="268" t="s">
        <v>490</v>
      </c>
      <c r="K191" s="378"/>
      <c r="L191" s="379"/>
      <c r="M191" s="378"/>
      <c r="N191" s="379"/>
      <c r="O191" s="378"/>
      <c r="P191" s="396"/>
      <c r="Q191" s="107"/>
      <c r="R191" s="100"/>
    </row>
    <row r="192" spans="1:18" ht="15.95" customHeight="1" thickBot="1">
      <c r="A192" s="103"/>
      <c r="B192" s="314">
        <v>61</v>
      </c>
      <c r="C192" s="631"/>
      <c r="D192" s="632"/>
      <c r="E192" s="635" t="s">
        <v>491</v>
      </c>
      <c r="F192" s="636"/>
      <c r="G192" s="636"/>
      <c r="H192" s="333"/>
      <c r="I192" s="330"/>
      <c r="J192" s="268" t="s">
        <v>492</v>
      </c>
      <c r="K192" s="378"/>
      <c r="L192" s="379"/>
      <c r="M192" s="378"/>
      <c r="N192" s="379"/>
      <c r="O192" s="378"/>
      <c r="P192" s="396"/>
      <c r="Q192" s="107"/>
      <c r="R192" s="100"/>
    </row>
    <row r="193" spans="1:18" ht="15.95" customHeight="1" thickBot="1">
      <c r="A193" s="103"/>
      <c r="B193" s="314">
        <v>62</v>
      </c>
      <c r="C193" s="633"/>
      <c r="D193" s="634"/>
      <c r="E193" s="635" t="s">
        <v>493</v>
      </c>
      <c r="F193" s="636"/>
      <c r="G193" s="636"/>
      <c r="H193" s="333"/>
      <c r="I193" s="330"/>
      <c r="J193" s="268" t="s">
        <v>494</v>
      </c>
      <c r="K193" s="378"/>
      <c r="L193" s="379"/>
      <c r="M193" s="378"/>
      <c r="N193" s="379"/>
      <c r="O193" s="378"/>
      <c r="P193" s="396"/>
      <c r="Q193" s="107"/>
      <c r="R193" s="100"/>
    </row>
    <row r="194" spans="1:18" ht="15.95" customHeight="1" thickBot="1">
      <c r="A194" s="103"/>
      <c r="B194" s="314">
        <v>63</v>
      </c>
      <c r="C194" s="635" t="s">
        <v>1190</v>
      </c>
      <c r="D194" s="637"/>
      <c r="E194" s="635" t="s">
        <v>495</v>
      </c>
      <c r="F194" s="636"/>
      <c r="G194" s="636"/>
      <c r="H194" s="333"/>
      <c r="I194" s="330"/>
      <c r="J194" s="268" t="s">
        <v>496</v>
      </c>
      <c r="K194" s="378"/>
      <c r="L194" s="379"/>
      <c r="M194" s="378"/>
      <c r="N194" s="379"/>
      <c r="O194" s="378"/>
      <c r="P194" s="396"/>
      <c r="Q194" s="107"/>
      <c r="R194" s="100"/>
    </row>
    <row r="195" spans="1:18" ht="15.95" customHeight="1" thickBot="1">
      <c r="A195" s="103"/>
      <c r="B195" s="314">
        <v>64</v>
      </c>
      <c r="C195" s="635" t="s">
        <v>1191</v>
      </c>
      <c r="D195" s="637"/>
      <c r="E195" s="635" t="s">
        <v>497</v>
      </c>
      <c r="F195" s="636"/>
      <c r="G195" s="636"/>
      <c r="H195" s="333"/>
      <c r="I195" s="330"/>
      <c r="J195" s="268" t="s">
        <v>498</v>
      </c>
      <c r="K195" s="378"/>
      <c r="L195" s="379"/>
      <c r="M195" s="378"/>
      <c r="N195" s="379"/>
      <c r="O195" s="378"/>
      <c r="P195" s="396"/>
      <c r="Q195" s="107"/>
      <c r="R195" s="100"/>
    </row>
    <row r="196" spans="1:18" ht="15.95" customHeight="1" thickBot="1">
      <c r="A196" s="103"/>
      <c r="B196" s="314">
        <v>65</v>
      </c>
      <c r="C196" s="635" t="s">
        <v>1192</v>
      </c>
      <c r="D196" s="637"/>
      <c r="E196" s="635" t="s">
        <v>499</v>
      </c>
      <c r="F196" s="636"/>
      <c r="G196" s="636"/>
      <c r="H196" s="333"/>
      <c r="I196" s="330"/>
      <c r="J196" s="268" t="s">
        <v>500</v>
      </c>
      <c r="K196" s="378"/>
      <c r="L196" s="379"/>
      <c r="M196" s="378"/>
      <c r="N196" s="379"/>
      <c r="O196" s="378"/>
      <c r="P196" s="396"/>
      <c r="Q196" s="107"/>
      <c r="R196" s="100"/>
    </row>
    <row r="197" spans="1:18" ht="15.95" customHeight="1" thickBot="1">
      <c r="A197" s="103"/>
      <c r="B197" s="314">
        <v>66</v>
      </c>
      <c r="C197" s="635" t="s">
        <v>1193</v>
      </c>
      <c r="D197" s="637"/>
      <c r="E197" s="635" t="s">
        <v>501</v>
      </c>
      <c r="F197" s="636"/>
      <c r="G197" s="636"/>
      <c r="H197" s="333"/>
      <c r="I197" s="330"/>
      <c r="J197" s="268" t="s">
        <v>502</v>
      </c>
      <c r="K197" s="378"/>
      <c r="L197" s="379"/>
      <c r="M197" s="378"/>
      <c r="N197" s="379"/>
      <c r="O197" s="378"/>
      <c r="P197" s="396"/>
      <c r="Q197" s="107"/>
      <c r="R197" s="100"/>
    </row>
    <row r="198" spans="1:18" ht="15.95" customHeight="1" thickBot="1">
      <c r="A198" s="103"/>
      <c r="B198" s="314">
        <v>67</v>
      </c>
      <c r="C198" s="629" t="s">
        <v>1194</v>
      </c>
      <c r="D198" s="630"/>
      <c r="E198" s="635" t="s">
        <v>503</v>
      </c>
      <c r="F198" s="636"/>
      <c r="G198" s="636"/>
      <c r="H198" s="333"/>
      <c r="I198" s="330"/>
      <c r="J198" s="268" t="s">
        <v>504</v>
      </c>
      <c r="K198" s="378"/>
      <c r="L198" s="379"/>
      <c r="M198" s="378"/>
      <c r="N198" s="379"/>
      <c r="O198" s="378"/>
      <c r="P198" s="396"/>
      <c r="Q198" s="107"/>
      <c r="R198" s="100"/>
    </row>
    <row r="199" spans="1:18" ht="15.95" customHeight="1" thickBot="1">
      <c r="A199" s="103"/>
      <c r="B199" s="314">
        <v>68</v>
      </c>
      <c r="C199" s="631"/>
      <c r="D199" s="632"/>
      <c r="E199" s="635" t="s">
        <v>505</v>
      </c>
      <c r="F199" s="636"/>
      <c r="G199" s="636"/>
      <c r="H199" s="333"/>
      <c r="I199" s="330"/>
      <c r="J199" s="268" t="s">
        <v>506</v>
      </c>
      <c r="K199" s="378"/>
      <c r="L199" s="379"/>
      <c r="M199" s="378"/>
      <c r="N199" s="379"/>
      <c r="O199" s="378"/>
      <c r="P199" s="396"/>
      <c r="Q199" s="107"/>
      <c r="R199" s="100"/>
    </row>
    <row r="200" spans="1:18" ht="15.95" customHeight="1" thickBot="1">
      <c r="A200" s="103"/>
      <c r="B200" s="314">
        <v>69</v>
      </c>
      <c r="C200" s="635" t="s">
        <v>1195</v>
      </c>
      <c r="D200" s="637"/>
      <c r="E200" s="635" t="s">
        <v>507</v>
      </c>
      <c r="F200" s="636"/>
      <c r="G200" s="636"/>
      <c r="H200" s="333"/>
      <c r="I200" s="330"/>
      <c r="J200" s="268" t="s">
        <v>508</v>
      </c>
      <c r="K200" s="378"/>
      <c r="L200" s="379"/>
      <c r="M200" s="378"/>
      <c r="N200" s="379"/>
      <c r="O200" s="378"/>
      <c r="P200" s="396"/>
      <c r="Q200" s="107"/>
      <c r="R200" s="100"/>
    </row>
    <row r="201" spans="1:18" ht="15.95" customHeight="1" thickBot="1">
      <c r="A201" s="103"/>
      <c r="B201" s="314">
        <v>70</v>
      </c>
      <c r="C201" s="635" t="s">
        <v>1196</v>
      </c>
      <c r="D201" s="637"/>
      <c r="E201" s="635" t="s">
        <v>509</v>
      </c>
      <c r="F201" s="636"/>
      <c r="G201" s="636"/>
      <c r="H201" s="333"/>
      <c r="I201" s="330"/>
      <c r="J201" s="268" t="s">
        <v>510</v>
      </c>
      <c r="K201" s="378"/>
      <c r="L201" s="379"/>
      <c r="M201" s="378"/>
      <c r="N201" s="379"/>
      <c r="O201" s="378"/>
      <c r="P201" s="396"/>
      <c r="Q201" s="107"/>
      <c r="R201" s="100"/>
    </row>
    <row r="202" spans="1:18" ht="15.95" customHeight="1" thickBot="1">
      <c r="A202" s="103"/>
      <c r="B202" s="314">
        <v>71</v>
      </c>
      <c r="C202" s="629" t="s">
        <v>1197</v>
      </c>
      <c r="D202" s="630"/>
      <c r="E202" s="635" t="s">
        <v>511</v>
      </c>
      <c r="F202" s="636"/>
      <c r="G202" s="636"/>
      <c r="H202" s="333"/>
      <c r="I202" s="330"/>
      <c r="J202" s="268" t="s">
        <v>512</v>
      </c>
      <c r="K202" s="378"/>
      <c r="L202" s="379"/>
      <c r="M202" s="378"/>
      <c r="N202" s="379"/>
      <c r="O202" s="378"/>
      <c r="P202" s="396"/>
      <c r="Q202" s="107"/>
      <c r="R202" s="100"/>
    </row>
    <row r="203" spans="1:18" ht="15.95" customHeight="1" thickBot="1">
      <c r="A203" s="103"/>
      <c r="B203" s="314">
        <v>72</v>
      </c>
      <c r="C203" s="631"/>
      <c r="D203" s="632"/>
      <c r="E203" s="635" t="s">
        <v>513</v>
      </c>
      <c r="F203" s="636"/>
      <c r="G203" s="636"/>
      <c r="H203" s="333"/>
      <c r="I203" s="330"/>
      <c r="J203" s="268" t="s">
        <v>514</v>
      </c>
      <c r="K203" s="378"/>
      <c r="L203" s="379"/>
      <c r="M203" s="378"/>
      <c r="N203" s="379"/>
      <c r="O203" s="378"/>
      <c r="P203" s="396"/>
      <c r="Q203" s="107"/>
      <c r="R203" s="100"/>
    </row>
    <row r="204" spans="1:18" ht="15.95" customHeight="1" thickBot="1">
      <c r="A204" s="103"/>
      <c r="B204" s="314">
        <v>73</v>
      </c>
      <c r="C204" s="631"/>
      <c r="D204" s="632"/>
      <c r="E204" s="635" t="s">
        <v>515</v>
      </c>
      <c r="F204" s="636"/>
      <c r="G204" s="636"/>
      <c r="H204" s="333"/>
      <c r="I204" s="330"/>
      <c r="J204" s="268" t="s">
        <v>516</v>
      </c>
      <c r="K204" s="378"/>
      <c r="L204" s="379"/>
      <c r="M204" s="378"/>
      <c r="N204" s="379"/>
      <c r="O204" s="378"/>
      <c r="P204" s="396"/>
      <c r="Q204" s="107"/>
      <c r="R204" s="100"/>
    </row>
    <row r="205" spans="1:18" ht="15.95" customHeight="1" thickBot="1">
      <c r="A205" s="103"/>
      <c r="B205" s="314">
        <v>74</v>
      </c>
      <c r="C205" s="631"/>
      <c r="D205" s="632"/>
      <c r="E205" s="635" t="s">
        <v>517</v>
      </c>
      <c r="F205" s="636"/>
      <c r="G205" s="636"/>
      <c r="H205" s="333"/>
      <c r="I205" s="330"/>
      <c r="J205" s="268" t="s">
        <v>518</v>
      </c>
      <c r="K205" s="378"/>
      <c r="L205" s="379"/>
      <c r="M205" s="378"/>
      <c r="N205" s="379"/>
      <c r="O205" s="378"/>
      <c r="P205" s="396"/>
      <c r="Q205" s="107"/>
      <c r="R205" s="100"/>
    </row>
    <row r="206" spans="1:18" ht="15.95" customHeight="1" thickBot="1">
      <c r="A206" s="103"/>
      <c r="B206" s="314">
        <v>75</v>
      </c>
      <c r="C206" s="631"/>
      <c r="D206" s="632"/>
      <c r="E206" s="635" t="s">
        <v>519</v>
      </c>
      <c r="F206" s="636"/>
      <c r="G206" s="636"/>
      <c r="H206" s="333"/>
      <c r="I206" s="330"/>
      <c r="J206" s="268" t="s">
        <v>520</v>
      </c>
      <c r="K206" s="378"/>
      <c r="L206" s="379"/>
      <c r="M206" s="378"/>
      <c r="N206" s="379"/>
      <c r="O206" s="378"/>
      <c r="P206" s="396"/>
      <c r="Q206" s="107"/>
      <c r="R206" s="100"/>
    </row>
    <row r="207" spans="1:18" ht="15.95" customHeight="1" thickBot="1">
      <c r="A207" s="103"/>
      <c r="B207" s="314">
        <v>76</v>
      </c>
      <c r="C207" s="631"/>
      <c r="D207" s="632"/>
      <c r="E207" s="635" t="s">
        <v>521</v>
      </c>
      <c r="F207" s="636"/>
      <c r="G207" s="636"/>
      <c r="H207" s="333"/>
      <c r="I207" s="330"/>
      <c r="J207" s="268" t="s">
        <v>522</v>
      </c>
      <c r="K207" s="378"/>
      <c r="L207" s="379"/>
      <c r="M207" s="378"/>
      <c r="N207" s="379"/>
      <c r="O207" s="378"/>
      <c r="P207" s="396"/>
      <c r="Q207" s="107"/>
      <c r="R207" s="100"/>
    </row>
    <row r="208" spans="1:18" ht="15.95" customHeight="1" thickBot="1">
      <c r="A208" s="103"/>
      <c r="B208" s="314">
        <v>77</v>
      </c>
      <c r="C208" s="631"/>
      <c r="D208" s="632"/>
      <c r="E208" s="635" t="s">
        <v>523</v>
      </c>
      <c r="F208" s="636"/>
      <c r="G208" s="636"/>
      <c r="H208" s="333"/>
      <c r="I208" s="330"/>
      <c r="J208" s="268" t="s">
        <v>524</v>
      </c>
      <c r="K208" s="378"/>
      <c r="L208" s="379"/>
      <c r="M208" s="378"/>
      <c r="N208" s="379"/>
      <c r="O208" s="378"/>
      <c r="P208" s="396"/>
      <c r="Q208" s="107"/>
      <c r="R208" s="100"/>
    </row>
    <row r="209" spans="1:18" ht="15.95" customHeight="1" thickBot="1">
      <c r="A209" s="103"/>
      <c r="B209" s="314">
        <v>78</v>
      </c>
      <c r="C209" s="631"/>
      <c r="D209" s="632"/>
      <c r="E209" s="635" t="s">
        <v>525</v>
      </c>
      <c r="F209" s="636"/>
      <c r="G209" s="636"/>
      <c r="H209" s="333"/>
      <c r="I209" s="330"/>
      <c r="J209" s="268" t="s">
        <v>526</v>
      </c>
      <c r="K209" s="378"/>
      <c r="L209" s="379"/>
      <c r="M209" s="378"/>
      <c r="N209" s="379"/>
      <c r="O209" s="378"/>
      <c r="P209" s="396"/>
      <c r="Q209" s="107"/>
      <c r="R209" s="100"/>
    </row>
    <row r="210" spans="1:18" ht="15.95" customHeight="1" thickBot="1">
      <c r="A210" s="103"/>
      <c r="B210" s="314">
        <v>79</v>
      </c>
      <c r="C210" s="631"/>
      <c r="D210" s="632"/>
      <c r="E210" s="635" t="s">
        <v>527</v>
      </c>
      <c r="F210" s="636"/>
      <c r="G210" s="636"/>
      <c r="H210" s="331"/>
      <c r="I210" s="332"/>
      <c r="J210" s="334" t="s">
        <v>528</v>
      </c>
      <c r="K210" s="378"/>
      <c r="L210" s="379"/>
      <c r="M210" s="378"/>
      <c r="N210" s="379"/>
      <c r="O210" s="378"/>
      <c r="P210" s="396"/>
      <c r="Q210" s="107"/>
      <c r="R210" s="100"/>
    </row>
    <row r="211" spans="1:18" ht="15.95" customHeight="1" thickBot="1">
      <c r="A211" s="103"/>
      <c r="B211" s="313">
        <v>80</v>
      </c>
      <c r="C211" s="631"/>
      <c r="D211" s="632"/>
      <c r="E211" s="664" t="s">
        <v>529</v>
      </c>
      <c r="F211" s="665"/>
      <c r="G211" s="665"/>
      <c r="H211" s="665"/>
      <c r="I211" s="666"/>
      <c r="J211" s="268" t="s">
        <v>530</v>
      </c>
      <c r="K211" s="378"/>
      <c r="L211" s="379"/>
      <c r="M211" s="378"/>
      <c r="N211" s="379"/>
      <c r="O211" s="378"/>
      <c r="P211" s="396"/>
      <c r="Q211" s="107"/>
      <c r="R211" s="100"/>
    </row>
    <row r="212" spans="1:18" ht="15.95" customHeight="1" thickBot="1">
      <c r="A212" s="103"/>
      <c r="B212" s="313">
        <v>81</v>
      </c>
      <c r="C212" s="631"/>
      <c r="D212" s="632"/>
      <c r="E212" s="664" t="s">
        <v>531</v>
      </c>
      <c r="F212" s="665"/>
      <c r="G212" s="665"/>
      <c r="H212" s="665"/>
      <c r="I212" s="666"/>
      <c r="J212" s="268" t="s">
        <v>532</v>
      </c>
      <c r="K212" s="378"/>
      <c r="L212" s="379"/>
      <c r="M212" s="378"/>
      <c r="N212" s="379"/>
      <c r="O212" s="378"/>
      <c r="P212" s="396"/>
      <c r="Q212" s="107"/>
      <c r="R212" s="100"/>
    </row>
    <row r="213" spans="1:18" ht="15.95" customHeight="1" thickBot="1">
      <c r="A213" s="103"/>
      <c r="B213" s="313">
        <v>82</v>
      </c>
      <c r="C213" s="631"/>
      <c r="D213" s="632"/>
      <c r="E213" s="635" t="s">
        <v>533</v>
      </c>
      <c r="F213" s="636"/>
      <c r="G213" s="636"/>
      <c r="H213" s="333"/>
      <c r="I213" s="330"/>
      <c r="J213" s="268" t="s">
        <v>534</v>
      </c>
      <c r="K213" s="378"/>
      <c r="L213" s="379"/>
      <c r="M213" s="378"/>
      <c r="N213" s="379"/>
      <c r="O213" s="378"/>
      <c r="P213" s="396"/>
      <c r="Q213" s="107"/>
      <c r="R213" s="100"/>
    </row>
    <row r="214" spans="1:18" ht="27.75" customHeight="1" thickBot="1">
      <c r="A214" s="103"/>
      <c r="B214" s="313">
        <v>83</v>
      </c>
      <c r="C214" s="631"/>
      <c r="D214" s="632"/>
      <c r="E214" s="635" t="s">
        <v>535</v>
      </c>
      <c r="F214" s="636"/>
      <c r="G214" s="636"/>
      <c r="H214" s="333"/>
      <c r="I214" s="330"/>
      <c r="J214" s="268" t="s">
        <v>536</v>
      </c>
      <c r="K214" s="378"/>
      <c r="L214" s="379"/>
      <c r="M214" s="378"/>
      <c r="N214" s="379"/>
      <c r="O214" s="378"/>
      <c r="P214" s="396"/>
      <c r="Q214" s="107"/>
      <c r="R214" s="100"/>
    </row>
    <row r="215" spans="1:18" ht="15.95" customHeight="1" thickBot="1">
      <c r="A215" s="103"/>
      <c r="B215" s="313">
        <v>84</v>
      </c>
      <c r="C215" s="631"/>
      <c r="D215" s="632"/>
      <c r="E215" s="635" t="s">
        <v>537</v>
      </c>
      <c r="F215" s="636"/>
      <c r="G215" s="636"/>
      <c r="H215" s="333"/>
      <c r="I215" s="330"/>
      <c r="J215" s="268" t="s">
        <v>538</v>
      </c>
      <c r="K215" s="378"/>
      <c r="L215" s="379"/>
      <c r="M215" s="378"/>
      <c r="N215" s="379"/>
      <c r="O215" s="378"/>
      <c r="P215" s="396"/>
      <c r="Q215" s="107"/>
      <c r="R215" s="100"/>
    </row>
    <row r="216" spans="1:18" ht="15.95" customHeight="1" thickBot="1">
      <c r="A216" s="103"/>
      <c r="B216" s="313">
        <v>85</v>
      </c>
      <c r="C216" s="631"/>
      <c r="D216" s="632"/>
      <c r="E216" s="635" t="s">
        <v>539</v>
      </c>
      <c r="F216" s="636"/>
      <c r="G216" s="636"/>
      <c r="H216" s="636"/>
      <c r="I216" s="637"/>
      <c r="J216" s="268" t="s">
        <v>540</v>
      </c>
      <c r="K216" s="378"/>
      <c r="L216" s="379"/>
      <c r="M216" s="378"/>
      <c r="N216" s="379"/>
      <c r="O216" s="378"/>
      <c r="P216" s="396"/>
      <c r="Q216" s="107"/>
      <c r="R216" s="100"/>
    </row>
    <row r="217" spans="1:18" ht="15.95" customHeight="1" thickBot="1">
      <c r="A217" s="103"/>
      <c r="B217" s="313">
        <v>86</v>
      </c>
      <c r="C217" s="633"/>
      <c r="D217" s="634"/>
      <c r="E217" s="635" t="s">
        <v>541</v>
      </c>
      <c r="F217" s="636"/>
      <c r="G217" s="636"/>
      <c r="H217" s="333"/>
      <c r="I217" s="330"/>
      <c r="J217" s="268" t="s">
        <v>542</v>
      </c>
      <c r="K217" s="378"/>
      <c r="L217" s="379"/>
      <c r="M217" s="378"/>
      <c r="N217" s="379"/>
      <c r="O217" s="378"/>
      <c r="P217" s="396"/>
      <c r="Q217" s="107"/>
      <c r="R217" s="100"/>
    </row>
    <row r="218" spans="1:18" ht="15.95" customHeight="1" thickBot="1">
      <c r="A218" s="103"/>
      <c r="B218" s="313">
        <v>87</v>
      </c>
      <c r="C218" s="635" t="s">
        <v>1198</v>
      </c>
      <c r="D218" s="637"/>
      <c r="E218" s="635" t="s">
        <v>543</v>
      </c>
      <c r="F218" s="636"/>
      <c r="G218" s="636"/>
      <c r="H218" s="333"/>
      <c r="I218" s="330"/>
      <c r="J218" s="268" t="s">
        <v>544</v>
      </c>
      <c r="K218" s="378"/>
      <c r="L218" s="379"/>
      <c r="M218" s="378"/>
      <c r="N218" s="379"/>
      <c r="O218" s="378"/>
      <c r="P218" s="396"/>
      <c r="Q218" s="107"/>
      <c r="R218" s="100"/>
    </row>
    <row r="219" spans="1:18" ht="15.95" customHeight="1" thickBot="1">
      <c r="A219" s="103"/>
      <c r="B219" s="313">
        <v>88</v>
      </c>
      <c r="C219" s="635" t="s">
        <v>1199</v>
      </c>
      <c r="D219" s="637"/>
      <c r="E219" s="635" t="s">
        <v>545</v>
      </c>
      <c r="F219" s="636"/>
      <c r="G219" s="636"/>
      <c r="H219" s="333"/>
      <c r="I219" s="330"/>
      <c r="J219" s="268" t="s">
        <v>546</v>
      </c>
      <c r="K219" s="378"/>
      <c r="L219" s="379"/>
      <c r="M219" s="378"/>
      <c r="N219" s="379"/>
      <c r="O219" s="378"/>
      <c r="P219" s="396"/>
      <c r="Q219" s="107"/>
      <c r="R219" s="100"/>
    </row>
    <row r="220" spans="1:18" ht="15.95" customHeight="1" thickBot="1">
      <c r="A220" s="103"/>
      <c r="B220" s="313">
        <v>89</v>
      </c>
      <c r="C220" s="669" t="s">
        <v>1200</v>
      </c>
      <c r="D220" s="637"/>
      <c r="E220" s="669" t="s">
        <v>547</v>
      </c>
      <c r="F220" s="636"/>
      <c r="G220" s="636"/>
      <c r="H220" s="333"/>
      <c r="I220" s="330"/>
      <c r="J220" s="270">
        <v>2231335</v>
      </c>
      <c r="K220" s="378"/>
      <c r="L220" s="379"/>
      <c r="M220" s="378"/>
      <c r="N220" s="379"/>
      <c r="O220" s="378"/>
      <c r="P220" s="396"/>
      <c r="Q220" s="107"/>
      <c r="R220" s="100"/>
    </row>
    <row r="221" spans="1:18" ht="15.95" customHeight="1" thickBot="1">
      <c r="A221" s="103"/>
      <c r="B221" s="313">
        <v>90</v>
      </c>
      <c r="C221" s="669" t="s">
        <v>1201</v>
      </c>
      <c r="D221" s="637"/>
      <c r="E221" s="669" t="s">
        <v>548</v>
      </c>
      <c r="F221" s="636"/>
      <c r="G221" s="636"/>
      <c r="H221" s="333"/>
      <c r="I221" s="330"/>
      <c r="J221" s="271" t="s">
        <v>549</v>
      </c>
      <c r="K221" s="378"/>
      <c r="L221" s="379"/>
      <c r="M221" s="378"/>
      <c r="N221" s="379"/>
      <c r="O221" s="378"/>
      <c r="P221" s="396"/>
      <c r="Q221" s="107"/>
      <c r="R221" s="100"/>
    </row>
    <row r="222" spans="1:18" ht="48" customHeight="1" thickBot="1">
      <c r="A222" s="103"/>
      <c r="B222" s="313">
        <v>91</v>
      </c>
      <c r="C222" s="669" t="s">
        <v>1202</v>
      </c>
      <c r="D222" s="636"/>
      <c r="E222" s="669" t="s">
        <v>550</v>
      </c>
      <c r="F222" s="636"/>
      <c r="G222" s="636"/>
      <c r="H222" s="636"/>
      <c r="I222" s="637"/>
      <c r="J222" s="271" t="s">
        <v>551</v>
      </c>
      <c r="K222" s="378"/>
      <c r="L222" s="379"/>
      <c r="M222" s="378"/>
      <c r="N222" s="379"/>
      <c r="O222" s="378"/>
      <c r="P222" s="396"/>
      <c r="Q222" s="107"/>
      <c r="R222" s="100"/>
    </row>
    <row r="223" spans="1:18" ht="15.95" customHeight="1" thickBot="1">
      <c r="A223" s="103"/>
      <c r="B223" s="313">
        <v>92</v>
      </c>
      <c r="C223" s="667" t="s">
        <v>96</v>
      </c>
      <c r="D223" s="668"/>
      <c r="E223" s="635" t="s">
        <v>552</v>
      </c>
      <c r="F223" s="636"/>
      <c r="G223" s="636"/>
      <c r="H223" s="333"/>
      <c r="I223" s="330"/>
      <c r="J223" s="268" t="s">
        <v>553</v>
      </c>
      <c r="K223" s="378"/>
      <c r="L223" s="379"/>
      <c r="M223" s="378"/>
      <c r="N223" s="379"/>
      <c r="O223" s="378"/>
      <c r="P223" s="396"/>
      <c r="Q223" s="107"/>
      <c r="R223" s="100"/>
    </row>
    <row r="224" spans="1:18" ht="15.95" customHeight="1" thickBot="1">
      <c r="A224" s="103"/>
      <c r="B224" s="313">
        <v>93</v>
      </c>
      <c r="C224" s="667" t="s">
        <v>96</v>
      </c>
      <c r="D224" s="668"/>
      <c r="E224" s="635" t="s">
        <v>554</v>
      </c>
      <c r="F224" s="636"/>
      <c r="G224" s="636"/>
      <c r="H224" s="333"/>
      <c r="I224" s="330"/>
      <c r="J224" s="268" t="s">
        <v>555</v>
      </c>
      <c r="K224" s="378"/>
      <c r="L224" s="379"/>
      <c r="M224" s="378"/>
      <c r="N224" s="379"/>
      <c r="O224" s="378"/>
      <c r="P224" s="396"/>
      <c r="Q224" s="107"/>
      <c r="R224" s="100"/>
    </row>
    <row r="225" spans="1:18" ht="15.95" customHeight="1" thickBot="1">
      <c r="A225" s="103"/>
      <c r="B225" s="313">
        <v>94</v>
      </c>
      <c r="C225" s="667" t="s">
        <v>96</v>
      </c>
      <c r="D225" s="668"/>
      <c r="E225" s="635" t="s">
        <v>556</v>
      </c>
      <c r="F225" s="636"/>
      <c r="G225" s="636"/>
      <c r="H225" s="333"/>
      <c r="I225" s="330"/>
      <c r="J225" s="268" t="s">
        <v>557</v>
      </c>
      <c r="K225" s="378"/>
      <c r="L225" s="379"/>
      <c r="M225" s="378"/>
      <c r="N225" s="379"/>
      <c r="O225" s="378"/>
      <c r="P225" s="396"/>
      <c r="Q225" s="107"/>
      <c r="R225" s="100"/>
    </row>
    <row r="226" spans="1:18" ht="32.1" customHeight="1" thickBot="1">
      <c r="A226" s="103"/>
      <c r="B226" s="313">
        <v>95</v>
      </c>
      <c r="C226" s="667" t="s">
        <v>96</v>
      </c>
      <c r="D226" s="668"/>
      <c r="E226" s="635" t="s">
        <v>558</v>
      </c>
      <c r="F226" s="636"/>
      <c r="G226" s="636"/>
      <c r="H226" s="636"/>
      <c r="I226" s="637"/>
      <c r="J226" s="268" t="s">
        <v>559</v>
      </c>
      <c r="K226" s="378"/>
      <c r="L226" s="379"/>
      <c r="M226" s="378"/>
      <c r="N226" s="379"/>
      <c r="O226" s="378"/>
      <c r="P226" s="396"/>
      <c r="Q226" s="107"/>
      <c r="R226" s="100"/>
    </row>
    <row r="227" spans="1:18" ht="15.95" customHeight="1" thickBot="1">
      <c r="A227" s="103"/>
      <c r="B227" s="313">
        <v>96</v>
      </c>
      <c r="C227" s="667" t="s">
        <v>96</v>
      </c>
      <c r="D227" s="668"/>
      <c r="E227" s="635" t="s">
        <v>560</v>
      </c>
      <c r="F227" s="636"/>
      <c r="G227" s="636"/>
      <c r="H227" s="333"/>
      <c r="I227" s="330"/>
      <c r="J227" s="268" t="s">
        <v>561</v>
      </c>
      <c r="K227" s="378"/>
      <c r="L227" s="379"/>
      <c r="M227" s="378"/>
      <c r="N227" s="379"/>
      <c r="O227" s="378"/>
      <c r="P227" s="396"/>
      <c r="Q227" s="107"/>
      <c r="R227" s="100"/>
    </row>
    <row r="228" spans="1:18" ht="32.1" customHeight="1" thickBot="1">
      <c r="A228" s="103"/>
      <c r="B228" s="313">
        <v>97</v>
      </c>
      <c r="C228" s="667" t="s">
        <v>96</v>
      </c>
      <c r="D228" s="668"/>
      <c r="E228" s="635" t="s">
        <v>562</v>
      </c>
      <c r="F228" s="636"/>
      <c r="G228" s="636"/>
      <c r="H228" s="636"/>
      <c r="I228" s="637"/>
      <c r="J228" s="268" t="s">
        <v>563</v>
      </c>
      <c r="K228" s="378"/>
      <c r="L228" s="379"/>
      <c r="M228" s="378"/>
      <c r="N228" s="379"/>
      <c r="O228" s="378"/>
      <c r="P228" s="396"/>
      <c r="Q228" s="107"/>
      <c r="R228" s="100"/>
    </row>
    <row r="229" spans="1:18" ht="15.95" customHeight="1" thickBot="1">
      <c r="A229" s="103"/>
      <c r="B229" s="313">
        <v>98</v>
      </c>
      <c r="C229" s="667" t="s">
        <v>96</v>
      </c>
      <c r="D229" s="668"/>
      <c r="E229" s="635" t="s">
        <v>564</v>
      </c>
      <c r="F229" s="636"/>
      <c r="G229" s="636"/>
      <c r="H229" s="636"/>
      <c r="I229" s="637"/>
      <c r="J229" s="268" t="s">
        <v>565</v>
      </c>
      <c r="K229" s="378"/>
      <c r="L229" s="379"/>
      <c r="M229" s="378"/>
      <c r="N229" s="379"/>
      <c r="O229" s="378"/>
      <c r="P229" s="396"/>
      <c r="Q229" s="107"/>
      <c r="R229" s="100"/>
    </row>
    <row r="230" spans="1:18" ht="15.95" customHeight="1" thickBot="1">
      <c r="A230" s="103"/>
      <c r="B230" s="314">
        <v>99</v>
      </c>
      <c r="C230" s="667" t="s">
        <v>96</v>
      </c>
      <c r="D230" s="668"/>
      <c r="E230" s="635" t="s">
        <v>566</v>
      </c>
      <c r="F230" s="636"/>
      <c r="G230" s="636"/>
      <c r="H230" s="636"/>
      <c r="I230" s="637"/>
      <c r="J230" s="334" t="s">
        <v>567</v>
      </c>
      <c r="K230" s="378"/>
      <c r="L230" s="379"/>
      <c r="M230" s="378"/>
      <c r="N230" s="396"/>
      <c r="O230" s="107"/>
      <c r="P230" s="100"/>
      <c r="Q230" s="100"/>
      <c r="R230" s="100"/>
    </row>
    <row r="231" spans="1:18" ht="15.95" customHeight="1" thickBot="1">
      <c r="A231" s="103"/>
      <c r="B231" s="313">
        <v>100</v>
      </c>
      <c r="C231" s="667" t="s">
        <v>96</v>
      </c>
      <c r="D231" s="668"/>
      <c r="E231" s="635" t="s">
        <v>568</v>
      </c>
      <c r="F231" s="636"/>
      <c r="G231" s="636"/>
      <c r="H231" s="333"/>
      <c r="I231" s="330"/>
      <c r="J231" s="268" t="s">
        <v>569</v>
      </c>
      <c r="K231" s="378"/>
      <c r="L231" s="379"/>
      <c r="M231" s="378"/>
      <c r="N231" s="396"/>
      <c r="O231" s="107"/>
      <c r="P231" s="100"/>
      <c r="Q231" s="100"/>
      <c r="R231" s="100"/>
    </row>
    <row r="232" spans="1:18" ht="15.95" customHeight="1" thickBot="1">
      <c r="A232" s="103"/>
      <c r="B232" s="313">
        <v>101</v>
      </c>
      <c r="C232" s="667" t="s">
        <v>96</v>
      </c>
      <c r="D232" s="668"/>
      <c r="E232" s="635" t="s">
        <v>570</v>
      </c>
      <c r="F232" s="636"/>
      <c r="G232" s="636"/>
      <c r="H232" s="333"/>
      <c r="I232" s="330"/>
      <c r="J232" s="268" t="s">
        <v>571</v>
      </c>
      <c r="K232" s="378"/>
      <c r="L232" s="379"/>
      <c r="M232" s="378"/>
      <c r="N232" s="396"/>
      <c r="O232" s="107"/>
      <c r="P232" s="100"/>
      <c r="Q232" s="100"/>
      <c r="R232" s="100"/>
    </row>
    <row r="233" spans="1:18" ht="15.95" customHeight="1" thickBot="1">
      <c r="A233" s="103"/>
      <c r="B233" s="313">
        <v>102</v>
      </c>
      <c r="C233" s="667" t="s">
        <v>96</v>
      </c>
      <c r="D233" s="668"/>
      <c r="E233" s="635" t="s">
        <v>572</v>
      </c>
      <c r="F233" s="636"/>
      <c r="G233" s="636"/>
      <c r="H233" s="333"/>
      <c r="I233" s="330"/>
      <c r="J233" s="268" t="s">
        <v>573</v>
      </c>
      <c r="K233" s="378"/>
      <c r="L233" s="379"/>
      <c r="M233" s="378"/>
      <c r="N233" s="396"/>
      <c r="O233" s="107"/>
      <c r="P233" s="100"/>
      <c r="Q233" s="100"/>
      <c r="R233" s="100"/>
    </row>
    <row r="234" spans="1:18" ht="15.95" customHeight="1" thickBot="1">
      <c r="A234" s="103"/>
      <c r="B234" s="313">
        <v>103</v>
      </c>
      <c r="C234" s="667" t="s">
        <v>96</v>
      </c>
      <c r="D234" s="668"/>
      <c r="E234" s="635" t="s">
        <v>574</v>
      </c>
      <c r="F234" s="636"/>
      <c r="G234" s="636"/>
      <c r="H234" s="333"/>
      <c r="I234" s="330"/>
      <c r="J234" s="268" t="s">
        <v>575</v>
      </c>
      <c r="K234" s="378"/>
      <c r="L234" s="379"/>
      <c r="M234" s="378"/>
      <c r="N234" s="396"/>
      <c r="O234" s="107"/>
      <c r="P234" s="100"/>
      <c r="Q234" s="100"/>
      <c r="R234" s="100"/>
    </row>
    <row r="235" spans="1:18" ht="15.95" customHeight="1" thickBot="1">
      <c r="A235" s="103"/>
      <c r="B235" s="313">
        <v>104</v>
      </c>
      <c r="C235" s="667" t="s">
        <v>96</v>
      </c>
      <c r="D235" s="668"/>
      <c r="E235" s="635" t="s">
        <v>576</v>
      </c>
      <c r="F235" s="636"/>
      <c r="G235" s="636"/>
      <c r="H235" s="333"/>
      <c r="I235" s="330"/>
      <c r="J235" s="268" t="s">
        <v>577</v>
      </c>
      <c r="K235" s="378"/>
      <c r="L235" s="379"/>
      <c r="M235" s="378"/>
      <c r="N235" s="396"/>
      <c r="O235" s="107"/>
      <c r="P235" s="100"/>
      <c r="Q235" s="100"/>
      <c r="R235" s="100"/>
    </row>
    <row r="236" spans="1:18" ht="32.1" customHeight="1" thickBot="1">
      <c r="A236" s="103"/>
      <c r="B236" s="313">
        <v>105</v>
      </c>
      <c r="C236" s="667" t="s">
        <v>96</v>
      </c>
      <c r="D236" s="668"/>
      <c r="E236" s="635" t="s">
        <v>578</v>
      </c>
      <c r="F236" s="636"/>
      <c r="G236" s="636"/>
      <c r="H236" s="636"/>
      <c r="I236" s="637"/>
      <c r="J236" s="268" t="s">
        <v>579</v>
      </c>
      <c r="K236" s="378"/>
      <c r="L236" s="379"/>
      <c r="M236" s="378"/>
      <c r="N236" s="396"/>
      <c r="O236" s="107"/>
      <c r="P236" s="100"/>
      <c r="Q236" s="100"/>
      <c r="R236" s="100"/>
    </row>
    <row r="237" spans="1:18" ht="32.1" customHeight="1" thickBot="1">
      <c r="A237" s="103"/>
      <c r="B237" s="313">
        <v>106</v>
      </c>
      <c r="C237" s="667" t="s">
        <v>96</v>
      </c>
      <c r="D237" s="668"/>
      <c r="E237" s="635" t="s">
        <v>580</v>
      </c>
      <c r="F237" s="636"/>
      <c r="G237" s="636"/>
      <c r="H237" s="636"/>
      <c r="I237" s="637"/>
      <c r="J237" s="268" t="s">
        <v>581</v>
      </c>
      <c r="K237" s="378"/>
      <c r="L237" s="396"/>
      <c r="M237" s="107"/>
      <c r="N237" s="100"/>
      <c r="O237" s="100"/>
      <c r="P237" s="100"/>
      <c r="Q237" s="100"/>
      <c r="R237" s="100"/>
    </row>
    <row r="238" spans="1:18" ht="48" customHeight="1" thickBot="1">
      <c r="A238" s="103"/>
      <c r="B238" s="313">
        <v>107</v>
      </c>
      <c r="C238" s="667" t="s">
        <v>96</v>
      </c>
      <c r="D238" s="668"/>
      <c r="E238" s="635" t="s">
        <v>582</v>
      </c>
      <c r="F238" s="636"/>
      <c r="G238" s="636"/>
      <c r="H238" s="636"/>
      <c r="I238" s="637"/>
      <c r="J238" s="268" t="s">
        <v>583</v>
      </c>
      <c r="K238" s="378"/>
      <c r="L238" s="396"/>
      <c r="M238" s="107"/>
      <c r="N238" s="100"/>
      <c r="O238" s="100"/>
      <c r="P238" s="100"/>
      <c r="Q238" s="100"/>
      <c r="R238" s="100"/>
    </row>
    <row r="239" spans="1:18" ht="32.1" customHeight="1" thickBot="1">
      <c r="A239" s="103"/>
      <c r="B239" s="313">
        <v>108</v>
      </c>
      <c r="C239" s="667" t="s">
        <v>96</v>
      </c>
      <c r="D239" s="668"/>
      <c r="E239" s="635" t="s">
        <v>584</v>
      </c>
      <c r="F239" s="636"/>
      <c r="G239" s="636"/>
      <c r="H239" s="636"/>
      <c r="I239" s="637"/>
      <c r="J239" s="268" t="s">
        <v>585</v>
      </c>
      <c r="K239" s="378"/>
      <c r="L239" s="396"/>
      <c r="M239" s="107"/>
      <c r="N239" s="100"/>
      <c r="O239" s="100"/>
      <c r="P239" s="100"/>
      <c r="Q239" s="100"/>
      <c r="R239" s="100"/>
    </row>
    <row r="240" spans="1:18" ht="32.1" customHeight="1" thickBot="1">
      <c r="A240" s="103"/>
      <c r="B240" s="313">
        <v>109</v>
      </c>
      <c r="C240" s="667" t="s">
        <v>96</v>
      </c>
      <c r="D240" s="670"/>
      <c r="E240" s="635" t="s">
        <v>586</v>
      </c>
      <c r="F240" s="636"/>
      <c r="G240" s="636"/>
      <c r="H240" s="636"/>
      <c r="I240" s="637"/>
      <c r="J240" s="268" t="s">
        <v>587</v>
      </c>
      <c r="K240" s="378"/>
      <c r="L240" s="396"/>
      <c r="M240" s="107"/>
      <c r="N240" s="100"/>
      <c r="O240" s="100"/>
      <c r="P240" s="100"/>
      <c r="Q240" s="100"/>
      <c r="R240" s="100"/>
    </row>
    <row r="241" spans="1:18" ht="15.95" customHeight="1" thickBot="1">
      <c r="A241" s="103"/>
      <c r="B241" s="313">
        <v>110</v>
      </c>
      <c r="C241" s="667" t="s">
        <v>96</v>
      </c>
      <c r="D241" s="668"/>
      <c r="E241" s="635" t="s">
        <v>588</v>
      </c>
      <c r="F241" s="636"/>
      <c r="G241" s="636"/>
      <c r="H241" s="333"/>
      <c r="I241" s="330"/>
      <c r="J241" s="268" t="s">
        <v>589</v>
      </c>
      <c r="K241" s="378"/>
      <c r="L241" s="396"/>
      <c r="M241" s="107"/>
      <c r="N241" s="100"/>
      <c r="O241" s="100"/>
      <c r="P241" s="100"/>
      <c r="Q241" s="100"/>
      <c r="R241" s="100"/>
    </row>
    <row r="242" spans="1:18" ht="15.95" customHeight="1" thickBot="1">
      <c r="A242" s="103"/>
      <c r="B242" s="313">
        <v>111</v>
      </c>
      <c r="C242" s="667" t="s">
        <v>96</v>
      </c>
      <c r="D242" s="668"/>
      <c r="E242" s="635" t="s">
        <v>590</v>
      </c>
      <c r="F242" s="636"/>
      <c r="G242" s="636"/>
      <c r="H242" s="333"/>
      <c r="I242" s="330"/>
      <c r="J242" s="268" t="s">
        <v>591</v>
      </c>
      <c r="K242" s="378"/>
      <c r="L242" s="396"/>
      <c r="M242" s="107"/>
      <c r="N242" s="100"/>
      <c r="O242" s="100"/>
      <c r="P242" s="100"/>
      <c r="Q242" s="100"/>
      <c r="R242" s="100"/>
    </row>
    <row r="243" spans="1:18" ht="15.95" customHeight="1" thickBot="1">
      <c r="A243" s="103"/>
      <c r="B243" s="313">
        <v>112</v>
      </c>
      <c r="C243" s="667" t="s">
        <v>96</v>
      </c>
      <c r="D243" s="668"/>
      <c r="E243" s="635" t="s">
        <v>592</v>
      </c>
      <c r="F243" s="636"/>
      <c r="G243" s="636"/>
      <c r="H243" s="333"/>
      <c r="I243" s="330"/>
      <c r="J243" s="268" t="s">
        <v>593</v>
      </c>
      <c r="K243" s="378"/>
      <c r="L243" s="396"/>
      <c r="M243" s="107"/>
      <c r="N243" s="100"/>
      <c r="O243" s="100"/>
      <c r="P243" s="100"/>
      <c r="Q243" s="100"/>
      <c r="R243" s="100"/>
    </row>
    <row r="244" spans="1:18" ht="15.95" customHeight="1" thickBot="1">
      <c r="A244" s="103"/>
      <c r="B244" s="313">
        <v>113</v>
      </c>
      <c r="C244" s="667" t="s">
        <v>96</v>
      </c>
      <c r="D244" s="668"/>
      <c r="E244" s="635" t="s">
        <v>594</v>
      </c>
      <c r="F244" s="636"/>
      <c r="G244" s="636"/>
      <c r="H244" s="636"/>
      <c r="I244" s="637"/>
      <c r="J244" s="269">
        <v>232418</v>
      </c>
      <c r="K244" s="378"/>
      <c r="L244" s="396"/>
      <c r="M244" s="107"/>
      <c r="N244" s="100"/>
      <c r="O244" s="100"/>
      <c r="P244" s="100"/>
      <c r="Q244" s="100"/>
      <c r="R244" s="100"/>
    </row>
    <row r="245" spans="1:18" ht="15.95" customHeight="1" thickBot="1">
      <c r="A245" s="103"/>
      <c r="B245" s="313">
        <v>114</v>
      </c>
      <c r="C245" s="667" t="s">
        <v>96</v>
      </c>
      <c r="D245" s="668"/>
      <c r="E245" s="635" t="s">
        <v>595</v>
      </c>
      <c r="F245" s="636"/>
      <c r="G245" s="636"/>
      <c r="H245" s="333"/>
      <c r="I245" s="330"/>
      <c r="J245" s="268" t="s">
        <v>596</v>
      </c>
      <c r="K245" s="378"/>
      <c r="L245" s="396"/>
      <c r="M245" s="107"/>
      <c r="N245" s="100"/>
      <c r="O245" s="100"/>
      <c r="P245" s="100"/>
      <c r="Q245" s="100"/>
      <c r="R245" s="100"/>
    </row>
    <row r="246" spans="1:18" ht="15.95" customHeight="1" thickBot="1">
      <c r="A246" s="103"/>
      <c r="B246" s="313">
        <v>115</v>
      </c>
      <c r="C246" s="667" t="s">
        <v>96</v>
      </c>
      <c r="D246" s="668"/>
      <c r="E246" s="635" t="s">
        <v>597</v>
      </c>
      <c r="F246" s="636"/>
      <c r="G246" s="636"/>
      <c r="H246" s="636"/>
      <c r="I246" s="637"/>
      <c r="J246" s="268" t="s">
        <v>598</v>
      </c>
      <c r="K246" s="378"/>
      <c r="L246" s="396"/>
      <c r="M246" s="107"/>
      <c r="N246" s="100"/>
      <c r="O246" s="100"/>
      <c r="P246" s="100"/>
      <c r="Q246" s="100"/>
      <c r="R246" s="100"/>
    </row>
    <row r="247" spans="1:18" ht="15.95" customHeight="1" thickBot="1">
      <c r="A247" s="103"/>
      <c r="B247" s="313">
        <v>116</v>
      </c>
      <c r="C247" s="667" t="s">
        <v>96</v>
      </c>
      <c r="D247" s="668"/>
      <c r="E247" s="635" t="s">
        <v>599</v>
      </c>
      <c r="F247" s="636"/>
      <c r="G247" s="636"/>
      <c r="H247" s="333"/>
      <c r="I247" s="330"/>
      <c r="J247" s="268" t="s">
        <v>600</v>
      </c>
      <c r="K247" s="378"/>
      <c r="L247" s="396"/>
      <c r="M247" s="107"/>
      <c r="N247" s="100"/>
      <c r="O247" s="100"/>
      <c r="P247" s="100"/>
      <c r="Q247" s="100"/>
      <c r="R247" s="100"/>
    </row>
    <row r="248" spans="1:18" ht="15.95" customHeight="1" thickBot="1">
      <c r="A248" s="103"/>
      <c r="B248" s="313">
        <v>117</v>
      </c>
      <c r="C248" s="667" t="s">
        <v>96</v>
      </c>
      <c r="D248" s="668"/>
      <c r="E248" s="635" t="s">
        <v>601</v>
      </c>
      <c r="F248" s="636"/>
      <c r="G248" s="636"/>
      <c r="H248" s="333"/>
      <c r="I248" s="330"/>
      <c r="J248" s="268" t="s">
        <v>602</v>
      </c>
      <c r="K248" s="378"/>
      <c r="L248" s="396"/>
      <c r="M248" s="107"/>
      <c r="N248" s="100"/>
      <c r="O248" s="100"/>
      <c r="P248" s="100"/>
      <c r="Q248" s="100"/>
      <c r="R248" s="100"/>
    </row>
    <row r="249" spans="1:18" ht="15.95" customHeight="1" thickBot="1">
      <c r="A249" s="103"/>
      <c r="B249" s="314">
        <v>118</v>
      </c>
      <c r="C249" s="667" t="s">
        <v>96</v>
      </c>
      <c r="D249" s="668"/>
      <c r="E249" s="635" t="s">
        <v>603</v>
      </c>
      <c r="F249" s="636"/>
      <c r="G249" s="636"/>
      <c r="H249" s="331"/>
      <c r="I249" s="332"/>
      <c r="J249" s="334" t="s">
        <v>604</v>
      </c>
      <c r="K249" s="378"/>
      <c r="L249" s="396"/>
      <c r="M249" s="107"/>
      <c r="N249" s="100"/>
      <c r="O249" s="100"/>
      <c r="P249" s="100"/>
      <c r="Q249" s="100"/>
      <c r="R249" s="100"/>
    </row>
    <row r="250" spans="1:18" ht="15.95" customHeight="1" thickBot="1">
      <c r="A250" s="103"/>
      <c r="B250" s="313">
        <v>119</v>
      </c>
      <c r="C250" s="667" t="s">
        <v>96</v>
      </c>
      <c r="D250" s="668"/>
      <c r="E250" s="635" t="s">
        <v>605</v>
      </c>
      <c r="F250" s="636"/>
      <c r="G250" s="636"/>
      <c r="H250" s="636"/>
      <c r="I250" s="637"/>
      <c r="J250" s="268" t="s">
        <v>606</v>
      </c>
      <c r="K250" s="378"/>
      <c r="L250" s="396"/>
      <c r="M250" s="107"/>
      <c r="N250" s="100"/>
      <c r="O250" s="100"/>
      <c r="P250" s="100"/>
      <c r="Q250" s="100"/>
      <c r="R250" s="100"/>
    </row>
    <row r="251" spans="1:18" ht="15.95" customHeight="1" thickBot="1">
      <c r="A251" s="103"/>
      <c r="B251" s="313">
        <v>120</v>
      </c>
      <c r="C251" s="667" t="s">
        <v>96</v>
      </c>
      <c r="D251" s="668"/>
      <c r="E251" s="635" t="s">
        <v>607</v>
      </c>
      <c r="F251" s="636"/>
      <c r="G251" s="636"/>
      <c r="H251" s="333"/>
      <c r="I251" s="330"/>
      <c r="J251" s="268" t="s">
        <v>608</v>
      </c>
      <c r="K251" s="378"/>
      <c r="L251" s="396"/>
      <c r="M251" s="107"/>
      <c r="N251" s="100"/>
      <c r="O251" s="100"/>
      <c r="P251" s="100"/>
      <c r="Q251" s="100"/>
      <c r="R251" s="100"/>
    </row>
    <row r="252" spans="1:18" ht="15.95" customHeight="1" thickBot="1">
      <c r="A252" s="103"/>
      <c r="B252" s="313">
        <v>121</v>
      </c>
      <c r="C252" s="667" t="s">
        <v>96</v>
      </c>
      <c r="D252" s="668"/>
      <c r="E252" s="635" t="s">
        <v>609</v>
      </c>
      <c r="F252" s="636"/>
      <c r="G252" s="636"/>
      <c r="H252" s="333"/>
      <c r="I252" s="330"/>
      <c r="J252" s="268" t="s">
        <v>610</v>
      </c>
      <c r="K252" s="378"/>
      <c r="L252" s="396"/>
      <c r="M252" s="107"/>
      <c r="N252" s="100"/>
      <c r="O252" s="100"/>
      <c r="P252" s="100"/>
      <c r="Q252" s="100"/>
      <c r="R252" s="100"/>
    </row>
    <row r="253" spans="1:18" ht="15.95" customHeight="1" thickBot="1">
      <c r="A253" s="103"/>
      <c r="B253" s="313">
        <v>122</v>
      </c>
      <c r="C253" s="667" t="s">
        <v>96</v>
      </c>
      <c r="D253" s="668"/>
      <c r="E253" s="635" t="s">
        <v>611</v>
      </c>
      <c r="F253" s="636"/>
      <c r="G253" s="636"/>
      <c r="H253" s="333"/>
      <c r="I253" s="330"/>
      <c r="J253" s="268" t="s">
        <v>612</v>
      </c>
      <c r="K253" s="378"/>
      <c r="L253" s="396"/>
      <c r="M253" s="107"/>
      <c r="N253" s="100"/>
      <c r="O253" s="100"/>
      <c r="P253" s="100"/>
      <c r="Q253" s="100"/>
      <c r="R253" s="100"/>
    </row>
    <row r="254" spans="1:18" ht="15.95" customHeight="1" thickBot="1">
      <c r="A254" s="103"/>
      <c r="B254" s="313">
        <v>123</v>
      </c>
      <c r="C254" s="667" t="s">
        <v>96</v>
      </c>
      <c r="D254" s="668"/>
      <c r="E254" s="635" t="s">
        <v>613</v>
      </c>
      <c r="F254" s="636"/>
      <c r="G254" s="636"/>
      <c r="H254" s="636"/>
      <c r="I254" s="637"/>
      <c r="J254" s="268" t="s">
        <v>614</v>
      </c>
      <c r="K254" s="378"/>
      <c r="L254" s="396"/>
      <c r="M254" s="107"/>
      <c r="N254" s="100"/>
      <c r="O254" s="100"/>
      <c r="P254" s="100"/>
      <c r="Q254" s="100"/>
      <c r="R254" s="100"/>
    </row>
    <row r="255" spans="1:18" ht="15.95" customHeight="1" thickBot="1">
      <c r="A255" s="103"/>
      <c r="B255" s="313">
        <v>124</v>
      </c>
      <c r="C255" s="667" t="s">
        <v>96</v>
      </c>
      <c r="D255" s="668"/>
      <c r="E255" s="635" t="s">
        <v>615</v>
      </c>
      <c r="F255" s="636"/>
      <c r="G255" s="636"/>
      <c r="H255" s="333"/>
      <c r="I255" s="330"/>
      <c r="J255" s="268" t="s">
        <v>616</v>
      </c>
      <c r="K255" s="378"/>
      <c r="L255" s="396"/>
      <c r="M255" s="107"/>
      <c r="N255" s="100"/>
      <c r="O255" s="100"/>
      <c r="P255" s="100"/>
      <c r="Q255" s="100"/>
      <c r="R255" s="100"/>
    </row>
    <row r="256" spans="1:18" ht="15.95" customHeight="1" thickBot="1">
      <c r="A256" s="103"/>
      <c r="B256" s="313">
        <v>125</v>
      </c>
      <c r="C256" s="667" t="s">
        <v>96</v>
      </c>
      <c r="D256" s="668"/>
      <c r="E256" s="635" t="s">
        <v>617</v>
      </c>
      <c r="F256" s="636"/>
      <c r="G256" s="636"/>
      <c r="H256" s="333"/>
      <c r="I256" s="330"/>
      <c r="J256" s="268" t="s">
        <v>618</v>
      </c>
      <c r="K256" s="378"/>
      <c r="L256" s="396"/>
      <c r="M256" s="107"/>
      <c r="N256" s="100"/>
      <c r="O256" s="100"/>
      <c r="P256" s="100"/>
      <c r="Q256" s="100"/>
      <c r="R256" s="100"/>
    </row>
    <row r="257" spans="1:18" ht="15.95" customHeight="1" thickBot="1">
      <c r="A257" s="103"/>
      <c r="B257" s="313">
        <v>126</v>
      </c>
      <c r="C257" s="667" t="s">
        <v>96</v>
      </c>
      <c r="D257" s="668"/>
      <c r="E257" s="635" t="s">
        <v>619</v>
      </c>
      <c r="F257" s="636"/>
      <c r="G257" s="636"/>
      <c r="H257" s="333"/>
      <c r="I257" s="330"/>
      <c r="J257" s="268" t="s">
        <v>620</v>
      </c>
      <c r="K257" s="378"/>
      <c r="L257" s="396"/>
      <c r="M257" s="107"/>
      <c r="N257" s="100"/>
      <c r="O257" s="100"/>
      <c r="P257" s="100"/>
      <c r="Q257" s="100"/>
      <c r="R257" s="100"/>
    </row>
    <row r="258" spans="1:18" ht="15.95" customHeight="1" thickBot="1">
      <c r="A258" s="103"/>
      <c r="B258" s="313">
        <v>127</v>
      </c>
      <c r="C258" s="667" t="s">
        <v>96</v>
      </c>
      <c r="D258" s="668"/>
      <c r="E258" s="635" t="s">
        <v>621</v>
      </c>
      <c r="F258" s="636"/>
      <c r="G258" s="636"/>
      <c r="H258" s="333"/>
      <c r="I258" s="330"/>
      <c r="J258" s="268" t="s">
        <v>622</v>
      </c>
      <c r="K258" s="378"/>
      <c r="L258" s="396"/>
      <c r="M258" s="107"/>
      <c r="N258" s="100"/>
      <c r="O258" s="100"/>
      <c r="P258" s="100"/>
      <c r="Q258" s="100"/>
      <c r="R258" s="100"/>
    </row>
    <row r="259" spans="1:18" ht="15.95" customHeight="1" thickBot="1">
      <c r="A259" s="103"/>
      <c r="B259" s="313">
        <v>128</v>
      </c>
      <c r="C259" s="667" t="s">
        <v>96</v>
      </c>
      <c r="D259" s="668"/>
      <c r="E259" s="635" t="s">
        <v>623</v>
      </c>
      <c r="F259" s="636"/>
      <c r="G259" s="636"/>
      <c r="H259" s="333"/>
      <c r="I259" s="330"/>
      <c r="J259" s="268" t="s">
        <v>624</v>
      </c>
      <c r="K259" s="378"/>
      <c r="L259" s="396"/>
      <c r="M259" s="107"/>
      <c r="N259" s="100"/>
      <c r="O259" s="100"/>
      <c r="P259" s="100"/>
      <c r="Q259" s="100"/>
      <c r="R259" s="100"/>
    </row>
    <row r="260" spans="1:18" ht="15.95" customHeight="1" thickBot="1">
      <c r="A260" s="103"/>
      <c r="B260" s="313">
        <v>129</v>
      </c>
      <c r="C260" s="667" t="s">
        <v>96</v>
      </c>
      <c r="D260" s="668"/>
      <c r="E260" s="635" t="s">
        <v>625</v>
      </c>
      <c r="F260" s="636"/>
      <c r="G260" s="636"/>
      <c r="H260" s="636"/>
      <c r="I260" s="637"/>
      <c r="J260" s="268" t="s">
        <v>626</v>
      </c>
      <c r="K260" s="378"/>
      <c r="L260" s="396"/>
      <c r="M260" s="107"/>
      <c r="N260" s="100"/>
      <c r="O260" s="100"/>
      <c r="P260" s="100"/>
      <c r="Q260" s="100"/>
      <c r="R260" s="100"/>
    </row>
    <row r="261" spans="1:18" ht="15.95" customHeight="1" thickBot="1">
      <c r="A261" s="103"/>
      <c r="B261" s="313">
        <v>130</v>
      </c>
      <c r="C261" s="667" t="s">
        <v>96</v>
      </c>
      <c r="D261" s="668"/>
      <c r="E261" s="635" t="s">
        <v>627</v>
      </c>
      <c r="F261" s="636"/>
      <c r="G261" s="636"/>
      <c r="H261" s="333"/>
      <c r="I261" s="330"/>
      <c r="J261" s="268" t="s">
        <v>628</v>
      </c>
      <c r="K261" s="378"/>
      <c r="L261" s="396"/>
      <c r="M261" s="107"/>
      <c r="N261" s="100"/>
      <c r="O261" s="100"/>
      <c r="P261" s="100"/>
      <c r="Q261" s="100"/>
      <c r="R261" s="100"/>
    </row>
    <row r="262" spans="1:18" ht="15.95" customHeight="1" thickBot="1">
      <c r="A262" s="103"/>
      <c r="B262" s="313">
        <v>131</v>
      </c>
      <c r="C262" s="667" t="s">
        <v>96</v>
      </c>
      <c r="D262" s="668"/>
      <c r="E262" s="635" t="s">
        <v>629</v>
      </c>
      <c r="F262" s="636"/>
      <c r="G262" s="636"/>
      <c r="H262" s="333"/>
      <c r="I262" s="330"/>
      <c r="J262" s="268" t="s">
        <v>630</v>
      </c>
      <c r="K262" s="378"/>
      <c r="L262" s="396"/>
      <c r="M262" s="107"/>
      <c r="N262" s="100"/>
      <c r="O262" s="100"/>
      <c r="P262" s="100"/>
      <c r="Q262" s="100"/>
      <c r="R262" s="100"/>
    </row>
    <row r="263" spans="1:18" ht="32.1" customHeight="1" thickBot="1">
      <c r="A263" s="103"/>
      <c r="B263" s="313">
        <v>132</v>
      </c>
      <c r="C263" s="667" t="s">
        <v>96</v>
      </c>
      <c r="D263" s="668"/>
      <c r="E263" s="635" t="s">
        <v>631</v>
      </c>
      <c r="F263" s="636"/>
      <c r="G263" s="636"/>
      <c r="H263" s="636"/>
      <c r="I263" s="637"/>
      <c r="J263" s="268" t="s">
        <v>632</v>
      </c>
      <c r="K263" s="378"/>
      <c r="L263" s="396"/>
      <c r="M263" s="107"/>
      <c r="N263" s="100"/>
      <c r="O263" s="100"/>
      <c r="P263" s="100"/>
      <c r="Q263" s="100"/>
      <c r="R263" s="100"/>
    </row>
    <row r="264" spans="1:18" ht="15.95" customHeight="1" thickBot="1">
      <c r="A264" s="103"/>
      <c r="B264" s="313">
        <v>133</v>
      </c>
      <c r="C264" s="667" t="s">
        <v>96</v>
      </c>
      <c r="D264" s="668"/>
      <c r="E264" s="635" t="s">
        <v>633</v>
      </c>
      <c r="F264" s="636"/>
      <c r="G264" s="636"/>
      <c r="H264" s="636"/>
      <c r="I264" s="637"/>
      <c r="J264" s="268" t="s">
        <v>634</v>
      </c>
      <c r="K264" s="378"/>
      <c r="L264" s="396"/>
      <c r="M264" s="107"/>
      <c r="N264" s="100"/>
      <c r="O264" s="100"/>
      <c r="P264" s="100"/>
      <c r="Q264" s="100"/>
      <c r="R264" s="100"/>
    </row>
    <row r="265" spans="1:18" ht="15.95" customHeight="1" thickBot="1">
      <c r="A265" s="103"/>
      <c r="B265" s="313">
        <v>134</v>
      </c>
      <c r="C265" s="667" t="s">
        <v>96</v>
      </c>
      <c r="D265" s="668"/>
      <c r="E265" s="635" t="s">
        <v>635</v>
      </c>
      <c r="F265" s="636"/>
      <c r="G265" s="636"/>
      <c r="H265" s="333"/>
      <c r="I265" s="330"/>
      <c r="J265" s="268" t="s">
        <v>636</v>
      </c>
      <c r="K265" s="378"/>
      <c r="L265" s="396"/>
      <c r="M265" s="107"/>
      <c r="N265" s="100"/>
      <c r="O265" s="100"/>
      <c r="P265" s="100"/>
      <c r="Q265" s="100"/>
      <c r="R265" s="100"/>
    </row>
    <row r="266" spans="1:18" ht="15.95" customHeight="1" thickBot="1">
      <c r="A266" s="103"/>
      <c r="B266" s="313">
        <v>135</v>
      </c>
      <c r="C266" s="667" t="s">
        <v>96</v>
      </c>
      <c r="D266" s="668"/>
      <c r="E266" s="635" t="s">
        <v>637</v>
      </c>
      <c r="F266" s="636"/>
      <c r="G266" s="636"/>
      <c r="H266" s="333"/>
      <c r="I266" s="330"/>
      <c r="J266" s="268" t="s">
        <v>638</v>
      </c>
      <c r="K266" s="378"/>
      <c r="L266" s="396"/>
      <c r="M266" s="107"/>
      <c r="N266" s="100"/>
      <c r="O266" s="100"/>
      <c r="P266" s="100"/>
      <c r="Q266" s="100"/>
      <c r="R266" s="100"/>
    </row>
    <row r="267" spans="1:18" ht="15.95" customHeight="1" thickBot="1">
      <c r="A267" s="103"/>
      <c r="B267" s="313">
        <v>136</v>
      </c>
      <c r="C267" s="667" t="s">
        <v>96</v>
      </c>
      <c r="D267" s="668"/>
      <c r="E267" s="635" t="s">
        <v>639</v>
      </c>
      <c r="F267" s="636"/>
      <c r="G267" s="636"/>
      <c r="H267" s="333"/>
      <c r="I267" s="330"/>
      <c r="J267" s="268" t="s">
        <v>640</v>
      </c>
      <c r="K267" s="378"/>
      <c r="L267" s="396"/>
      <c r="M267" s="107"/>
      <c r="N267" s="100"/>
      <c r="O267" s="100"/>
      <c r="P267" s="100"/>
      <c r="Q267" s="100"/>
      <c r="R267" s="100"/>
    </row>
    <row r="268" spans="1:18" ht="15.95" customHeight="1" thickBot="1">
      <c r="A268" s="103"/>
      <c r="B268" s="313">
        <v>137</v>
      </c>
      <c r="C268" s="667" t="s">
        <v>96</v>
      </c>
      <c r="D268" s="668"/>
      <c r="E268" s="635" t="s">
        <v>641</v>
      </c>
      <c r="F268" s="636"/>
      <c r="G268" s="636"/>
      <c r="H268" s="333"/>
      <c r="I268" s="330"/>
      <c r="J268" s="268" t="s">
        <v>642</v>
      </c>
      <c r="K268" s="378"/>
      <c r="L268" s="396"/>
      <c r="M268" s="107"/>
      <c r="N268" s="100"/>
      <c r="O268" s="100"/>
      <c r="P268" s="100"/>
      <c r="Q268" s="100"/>
      <c r="R268" s="100"/>
    </row>
    <row r="269" spans="1:18" ht="32.1" customHeight="1" thickBot="1">
      <c r="A269" s="103"/>
      <c r="B269" s="313">
        <v>138</v>
      </c>
      <c r="C269" s="667" t="s">
        <v>96</v>
      </c>
      <c r="D269" s="668"/>
      <c r="E269" s="635" t="s">
        <v>643</v>
      </c>
      <c r="F269" s="636"/>
      <c r="G269" s="636"/>
      <c r="H269" s="636"/>
      <c r="I269" s="637"/>
      <c r="J269" s="268" t="s">
        <v>644</v>
      </c>
      <c r="K269" s="378"/>
      <c r="L269" s="396"/>
      <c r="M269" s="107"/>
      <c r="N269" s="100"/>
      <c r="O269" s="100"/>
      <c r="P269" s="100"/>
      <c r="Q269" s="100"/>
      <c r="R269" s="100"/>
    </row>
    <row r="270" spans="1:18" ht="15.95" customHeight="1" thickBot="1">
      <c r="A270" s="103"/>
      <c r="B270" s="313">
        <v>139</v>
      </c>
      <c r="C270" s="667" t="s">
        <v>96</v>
      </c>
      <c r="D270" s="668"/>
      <c r="E270" s="635" t="s">
        <v>645</v>
      </c>
      <c r="F270" s="636"/>
      <c r="G270" s="636"/>
      <c r="H270" s="636"/>
      <c r="I270" s="637"/>
      <c r="J270" s="268" t="s">
        <v>646</v>
      </c>
      <c r="K270" s="378"/>
      <c r="L270" s="396"/>
      <c r="M270" s="107"/>
      <c r="N270" s="100"/>
      <c r="O270" s="100"/>
      <c r="P270" s="100"/>
      <c r="Q270" s="100"/>
      <c r="R270" s="100"/>
    </row>
    <row r="271" spans="1:18" ht="15.95" customHeight="1" thickBot="1">
      <c r="A271" s="103"/>
      <c r="B271" s="313">
        <v>140</v>
      </c>
      <c r="C271" s="667" t="s">
        <v>96</v>
      </c>
      <c r="D271" s="668"/>
      <c r="E271" s="635" t="s">
        <v>647</v>
      </c>
      <c r="F271" s="636"/>
      <c r="G271" s="636"/>
      <c r="H271" s="333"/>
      <c r="I271" s="330"/>
      <c r="J271" s="268" t="s">
        <v>648</v>
      </c>
      <c r="K271" s="378"/>
      <c r="L271" s="396"/>
      <c r="M271" s="107"/>
      <c r="N271" s="100"/>
      <c r="O271" s="100"/>
      <c r="P271" s="100"/>
      <c r="Q271" s="100"/>
      <c r="R271" s="100"/>
    </row>
    <row r="272" spans="1:18" ht="15.95" customHeight="1" thickBot="1">
      <c r="A272" s="103"/>
      <c r="B272" s="313">
        <v>141</v>
      </c>
      <c r="C272" s="667" t="s">
        <v>96</v>
      </c>
      <c r="D272" s="668"/>
      <c r="E272" s="635" t="s">
        <v>649</v>
      </c>
      <c r="F272" s="636"/>
      <c r="G272" s="636"/>
      <c r="H272" s="333"/>
      <c r="I272" s="330"/>
      <c r="J272" s="268" t="s">
        <v>650</v>
      </c>
      <c r="K272" s="378"/>
      <c r="L272" s="396"/>
      <c r="M272" s="107"/>
      <c r="N272" s="100"/>
      <c r="O272" s="100"/>
      <c r="P272" s="100"/>
      <c r="Q272" s="100"/>
      <c r="R272" s="100"/>
    </row>
    <row r="273" spans="1:18" ht="32.1" customHeight="1" thickBot="1">
      <c r="A273" s="103"/>
      <c r="B273" s="313">
        <v>142</v>
      </c>
      <c r="C273" s="667" t="s">
        <v>96</v>
      </c>
      <c r="D273" s="668"/>
      <c r="E273" s="635" t="s">
        <v>651</v>
      </c>
      <c r="F273" s="636"/>
      <c r="G273" s="636"/>
      <c r="H273" s="636"/>
      <c r="I273" s="637"/>
      <c r="J273" s="269">
        <v>1791337</v>
      </c>
      <c r="K273" s="378"/>
      <c r="L273" s="396"/>
      <c r="M273" s="107"/>
      <c r="N273" s="100"/>
      <c r="O273" s="100"/>
      <c r="P273" s="100"/>
      <c r="Q273" s="100"/>
      <c r="R273" s="100"/>
    </row>
    <row r="274" spans="1:18" ht="15.95" customHeight="1" thickBot="1">
      <c r="A274" s="103"/>
      <c r="B274" s="313">
        <v>143</v>
      </c>
      <c r="C274" s="667" t="s">
        <v>96</v>
      </c>
      <c r="D274" s="668"/>
      <c r="E274" s="635" t="s">
        <v>652</v>
      </c>
      <c r="F274" s="636"/>
      <c r="G274" s="636"/>
      <c r="H274" s="333"/>
      <c r="I274" s="330"/>
      <c r="J274" s="268" t="s">
        <v>653</v>
      </c>
      <c r="K274" s="378"/>
      <c r="L274" s="396"/>
      <c r="M274" s="107"/>
      <c r="N274" s="100"/>
      <c r="O274" s="100"/>
      <c r="P274" s="100"/>
      <c r="Q274" s="100"/>
      <c r="R274" s="100"/>
    </row>
    <row r="275" spans="1:18" ht="15.95" customHeight="1" thickBot="1">
      <c r="A275" s="103"/>
      <c r="B275" s="313">
        <v>144</v>
      </c>
      <c r="C275" s="667" t="s">
        <v>96</v>
      </c>
      <c r="D275" s="668"/>
      <c r="E275" s="635" t="s">
        <v>654</v>
      </c>
      <c r="F275" s="636"/>
      <c r="G275" s="636"/>
      <c r="H275" s="636"/>
      <c r="I275" s="637"/>
      <c r="J275" s="268" t="s">
        <v>655</v>
      </c>
      <c r="K275" s="378"/>
      <c r="L275" s="396"/>
      <c r="M275" s="107"/>
      <c r="N275" s="100"/>
      <c r="O275" s="100"/>
      <c r="P275" s="100"/>
      <c r="Q275" s="100"/>
      <c r="R275" s="100"/>
    </row>
    <row r="276" spans="1:18" ht="15.95" customHeight="1" thickBot="1">
      <c r="A276" s="103"/>
      <c r="B276" s="313">
        <v>145</v>
      </c>
      <c r="C276" s="667" t="s">
        <v>96</v>
      </c>
      <c r="D276" s="668"/>
      <c r="E276" s="635" t="s">
        <v>656</v>
      </c>
      <c r="F276" s="636"/>
      <c r="G276" s="636"/>
      <c r="H276" s="636"/>
      <c r="I276" s="637"/>
      <c r="J276" s="334" t="s">
        <v>657</v>
      </c>
      <c r="K276" s="378"/>
      <c r="L276" s="396"/>
      <c r="M276" s="107"/>
      <c r="N276" s="100"/>
      <c r="O276" s="100"/>
      <c r="P276" s="100"/>
      <c r="Q276" s="100"/>
      <c r="R276" s="100"/>
    </row>
    <row r="277" spans="1:18" ht="15.95" customHeight="1" thickBot="1">
      <c r="A277" s="103"/>
      <c r="B277" s="313">
        <v>146</v>
      </c>
      <c r="C277" s="667" t="s">
        <v>96</v>
      </c>
      <c r="D277" s="668"/>
      <c r="E277" s="635" t="s">
        <v>658</v>
      </c>
      <c r="F277" s="636"/>
      <c r="G277" s="636"/>
      <c r="H277" s="333"/>
      <c r="I277" s="330"/>
      <c r="J277" s="268" t="s">
        <v>659</v>
      </c>
      <c r="K277" s="378"/>
      <c r="L277" s="396"/>
      <c r="M277" s="107"/>
      <c r="N277" s="100"/>
      <c r="O277" s="100"/>
      <c r="P277" s="100"/>
      <c r="Q277" s="100"/>
      <c r="R277" s="100"/>
    </row>
    <row r="278" spans="1:18" ht="15.95" customHeight="1" thickBot="1">
      <c r="A278" s="103"/>
      <c r="B278" s="313">
        <v>147</v>
      </c>
      <c r="C278" s="667" t="s">
        <v>96</v>
      </c>
      <c r="D278" s="668"/>
      <c r="E278" s="635" t="s">
        <v>660</v>
      </c>
      <c r="F278" s="636"/>
      <c r="G278" s="636"/>
      <c r="H278" s="333"/>
      <c r="I278" s="330"/>
      <c r="J278" s="268" t="s">
        <v>661</v>
      </c>
      <c r="K278" s="378"/>
      <c r="L278" s="396"/>
      <c r="M278" s="107"/>
      <c r="N278" s="100"/>
      <c r="O278" s="100"/>
      <c r="P278" s="100"/>
      <c r="Q278" s="100"/>
      <c r="R278" s="100"/>
    </row>
    <row r="279" spans="1:18" ht="15.95" customHeight="1" thickBot="1">
      <c r="A279" s="103"/>
      <c r="B279" s="313">
        <v>148</v>
      </c>
      <c r="C279" s="667" t="s">
        <v>96</v>
      </c>
      <c r="D279" s="668"/>
      <c r="E279" s="635" t="s">
        <v>662</v>
      </c>
      <c r="F279" s="636"/>
      <c r="G279" s="636"/>
      <c r="H279" s="333"/>
      <c r="I279" s="330"/>
      <c r="J279" s="268" t="s">
        <v>663</v>
      </c>
      <c r="K279" s="378"/>
      <c r="L279" s="396"/>
      <c r="M279" s="107"/>
      <c r="N279" s="100"/>
      <c r="O279" s="100"/>
      <c r="P279" s="100"/>
      <c r="Q279" s="100"/>
      <c r="R279" s="100"/>
    </row>
    <row r="280" spans="1:18" ht="15.95" customHeight="1" thickBot="1">
      <c r="A280" s="103"/>
      <c r="B280" s="313">
        <v>149</v>
      </c>
      <c r="C280" s="667" t="s">
        <v>96</v>
      </c>
      <c r="D280" s="668"/>
      <c r="E280" s="635" t="s">
        <v>529</v>
      </c>
      <c r="F280" s="636"/>
      <c r="G280" s="636"/>
      <c r="H280" s="636"/>
      <c r="I280" s="637"/>
      <c r="J280" s="268" t="s">
        <v>664</v>
      </c>
      <c r="K280" s="378"/>
      <c r="L280" s="396"/>
      <c r="M280" s="107"/>
      <c r="N280" s="100"/>
      <c r="O280" s="100"/>
      <c r="P280" s="100"/>
      <c r="Q280" s="100"/>
      <c r="R280" s="100"/>
    </row>
    <row r="281" spans="1:18" ht="15.95" customHeight="1" thickBot="1">
      <c r="A281" s="103"/>
      <c r="B281" s="313">
        <v>150</v>
      </c>
      <c r="C281" s="667" t="s">
        <v>96</v>
      </c>
      <c r="D281" s="668"/>
      <c r="E281" s="635" t="s">
        <v>665</v>
      </c>
      <c r="F281" s="636"/>
      <c r="G281" s="636"/>
      <c r="H281" s="636"/>
      <c r="I281" s="637"/>
      <c r="J281" s="268" t="s">
        <v>666</v>
      </c>
      <c r="K281" s="378"/>
      <c r="L281" s="396"/>
      <c r="M281" s="107"/>
      <c r="N281" s="100"/>
      <c r="O281" s="100"/>
      <c r="P281" s="100"/>
      <c r="Q281" s="100"/>
      <c r="R281" s="100"/>
    </row>
    <row r="282" spans="1:18" ht="15.95" customHeight="1" thickBot="1">
      <c r="A282" s="103"/>
      <c r="B282" s="313">
        <v>151</v>
      </c>
      <c r="C282" s="667" t="s">
        <v>96</v>
      </c>
      <c r="D282" s="668"/>
      <c r="E282" s="635" t="s">
        <v>667</v>
      </c>
      <c r="F282" s="636"/>
      <c r="G282" s="636"/>
      <c r="H282" s="333"/>
      <c r="I282" s="330"/>
      <c r="J282" s="268" t="s">
        <v>668</v>
      </c>
      <c r="K282" s="378"/>
      <c r="L282" s="396"/>
      <c r="M282" s="107"/>
      <c r="N282" s="100"/>
      <c r="O282" s="100"/>
      <c r="P282" s="100"/>
      <c r="Q282" s="100"/>
      <c r="R282" s="100"/>
    </row>
    <row r="283" spans="1:18" ht="15.95" customHeight="1" thickBot="1">
      <c r="A283" s="103"/>
      <c r="B283" s="313">
        <v>152</v>
      </c>
      <c r="C283" s="667" t="s">
        <v>96</v>
      </c>
      <c r="D283" s="668"/>
      <c r="E283" s="635" t="s">
        <v>669</v>
      </c>
      <c r="F283" s="636"/>
      <c r="G283" s="636"/>
      <c r="H283" s="333"/>
      <c r="I283" s="330"/>
      <c r="J283" s="268" t="s">
        <v>670</v>
      </c>
      <c r="K283" s="378"/>
      <c r="L283" s="396"/>
      <c r="M283" s="107"/>
      <c r="N283" s="100"/>
      <c r="O283" s="100"/>
      <c r="P283" s="100"/>
      <c r="Q283" s="100"/>
      <c r="R283" s="100"/>
    </row>
    <row r="284" spans="1:18" ht="15.95" customHeight="1" thickBot="1">
      <c r="A284" s="103"/>
      <c r="B284" s="313">
        <v>153</v>
      </c>
      <c r="C284" s="667" t="s">
        <v>96</v>
      </c>
      <c r="D284" s="668"/>
      <c r="E284" s="635" t="s">
        <v>671</v>
      </c>
      <c r="F284" s="636"/>
      <c r="G284" s="636"/>
      <c r="H284" s="333"/>
      <c r="I284" s="330"/>
      <c r="J284" s="268" t="s">
        <v>672</v>
      </c>
      <c r="K284" s="378"/>
      <c r="L284" s="396"/>
      <c r="M284" s="107"/>
      <c r="N284" s="100"/>
      <c r="O284" s="100"/>
      <c r="P284" s="100"/>
      <c r="Q284" s="100"/>
      <c r="R284" s="100"/>
    </row>
    <row r="285" spans="1:18" ht="15.95" customHeight="1" thickBot="1">
      <c r="A285" s="103"/>
      <c r="B285" s="313">
        <v>154</v>
      </c>
      <c r="C285" s="667" t="s">
        <v>96</v>
      </c>
      <c r="D285" s="668"/>
      <c r="E285" s="635" t="s">
        <v>673</v>
      </c>
      <c r="F285" s="636"/>
      <c r="G285" s="636"/>
      <c r="H285" s="333"/>
      <c r="I285" s="330"/>
      <c r="J285" s="268" t="s">
        <v>674</v>
      </c>
      <c r="K285" s="378"/>
      <c r="L285" s="396"/>
      <c r="M285" s="107"/>
      <c r="N285" s="100"/>
      <c r="O285" s="100"/>
      <c r="P285" s="100"/>
      <c r="Q285" s="100"/>
      <c r="R285" s="100"/>
    </row>
    <row r="286" spans="1:18" ht="15.95" customHeight="1" thickBot="1">
      <c r="A286" s="103"/>
      <c r="B286" s="313">
        <v>155</v>
      </c>
      <c r="C286" s="667" t="s">
        <v>96</v>
      </c>
      <c r="D286" s="668"/>
      <c r="E286" s="635" t="s">
        <v>675</v>
      </c>
      <c r="F286" s="636"/>
      <c r="G286" s="636"/>
      <c r="H286" s="636"/>
      <c r="I286" s="637"/>
      <c r="J286" s="268" t="s">
        <v>676</v>
      </c>
      <c r="K286" s="107"/>
      <c r="L286" s="100"/>
      <c r="M286" s="100"/>
      <c r="N286" s="100"/>
      <c r="O286" s="100"/>
      <c r="P286" s="100"/>
      <c r="Q286" s="100"/>
      <c r="R286" s="100"/>
    </row>
    <row r="287" spans="1:18" ht="15.95" customHeight="1" thickBot="1">
      <c r="A287" s="103"/>
      <c r="B287" s="313">
        <v>156</v>
      </c>
      <c r="C287" s="667" t="s">
        <v>96</v>
      </c>
      <c r="D287" s="668"/>
      <c r="E287" s="635" t="s">
        <v>677</v>
      </c>
      <c r="F287" s="636"/>
      <c r="G287" s="636"/>
      <c r="H287" s="333"/>
      <c r="I287" s="330"/>
      <c r="J287" s="268" t="s">
        <v>678</v>
      </c>
      <c r="K287" s="100"/>
      <c r="L287" s="100"/>
      <c r="M287" s="100"/>
      <c r="N287" s="100"/>
      <c r="O287" s="100"/>
      <c r="P287" s="100"/>
      <c r="Q287" s="100"/>
      <c r="R287" s="100"/>
    </row>
    <row r="288" spans="1:18" ht="15.95" customHeight="1" thickBot="1">
      <c r="A288" s="100"/>
      <c r="B288" s="313">
        <v>157</v>
      </c>
      <c r="C288" s="667" t="s">
        <v>96</v>
      </c>
      <c r="D288" s="668"/>
      <c r="E288" s="635" t="s">
        <v>679</v>
      </c>
      <c r="F288" s="636"/>
      <c r="G288" s="636"/>
      <c r="H288" s="333"/>
      <c r="I288" s="330"/>
      <c r="J288" s="269">
        <v>2139594</v>
      </c>
      <c r="K288" s="100"/>
      <c r="L288" s="100"/>
      <c r="M288" s="100"/>
      <c r="N288" s="100"/>
      <c r="O288" s="100"/>
      <c r="P288" s="100"/>
      <c r="Q288" s="100"/>
      <c r="R288" s="100"/>
    </row>
    <row r="289" spans="1:18" ht="15.95" customHeight="1" thickBot="1">
      <c r="A289" s="103"/>
      <c r="B289" s="313">
        <v>158</v>
      </c>
      <c r="C289" s="667" t="s">
        <v>96</v>
      </c>
      <c r="D289" s="668"/>
      <c r="E289" s="635" t="s">
        <v>680</v>
      </c>
      <c r="F289" s="636"/>
      <c r="G289" s="636"/>
      <c r="H289" s="333"/>
      <c r="I289" s="330"/>
      <c r="J289" s="268" t="s">
        <v>681</v>
      </c>
      <c r="K289" s="100"/>
      <c r="L289" s="100"/>
      <c r="M289" s="100"/>
      <c r="N289" s="100"/>
      <c r="O289" s="100"/>
      <c r="P289" s="100"/>
      <c r="Q289" s="100"/>
      <c r="R289" s="100"/>
    </row>
    <row r="290" spans="1:18" ht="15.95" customHeight="1" thickBot="1">
      <c r="A290" s="35"/>
      <c r="B290" s="313">
        <v>159</v>
      </c>
      <c r="C290" s="667" t="s">
        <v>96</v>
      </c>
      <c r="D290" s="668"/>
      <c r="E290" s="635" t="s">
        <v>682</v>
      </c>
      <c r="F290" s="636"/>
      <c r="G290" s="636"/>
      <c r="H290" s="333"/>
      <c r="I290" s="330"/>
      <c r="J290" s="268" t="s">
        <v>683</v>
      </c>
      <c r="K290" s="35"/>
      <c r="L290" s="35"/>
      <c r="M290" s="35"/>
      <c r="N290" s="35"/>
      <c r="O290" s="35"/>
      <c r="P290" s="35"/>
      <c r="Q290" s="35"/>
      <c r="R290" s="35"/>
    </row>
    <row r="291" spans="1:18" ht="15.95" customHeight="1" thickBot="1">
      <c r="A291" s="33"/>
      <c r="B291" s="313">
        <v>160</v>
      </c>
      <c r="C291" s="667" t="s">
        <v>96</v>
      </c>
      <c r="D291" s="668"/>
      <c r="E291" s="635" t="s">
        <v>684</v>
      </c>
      <c r="F291" s="636"/>
      <c r="G291" s="636"/>
      <c r="H291" s="333"/>
      <c r="I291" s="330"/>
      <c r="J291" s="268" t="s">
        <v>685</v>
      </c>
      <c r="K291" s="100"/>
      <c r="L291" s="100"/>
      <c r="M291" s="100"/>
      <c r="N291" s="100"/>
      <c r="O291" s="100"/>
      <c r="P291" s="100"/>
      <c r="Q291" s="100"/>
      <c r="R291" s="100"/>
    </row>
    <row r="292" spans="1:18" ht="15.95" customHeight="1" thickBot="1">
      <c r="A292" s="33"/>
      <c r="B292" s="313">
        <v>161</v>
      </c>
      <c r="C292" s="667" t="s">
        <v>96</v>
      </c>
      <c r="D292" s="668"/>
      <c r="E292" s="635" t="s">
        <v>686</v>
      </c>
      <c r="F292" s="636"/>
      <c r="G292" s="636"/>
      <c r="H292" s="636"/>
      <c r="I292" s="637"/>
      <c r="J292" s="268" t="s">
        <v>687</v>
      </c>
      <c r="K292" s="100"/>
      <c r="L292" s="100"/>
      <c r="M292" s="100"/>
      <c r="N292" s="100"/>
      <c r="O292" s="100"/>
      <c r="P292" s="100"/>
      <c r="Q292" s="100"/>
      <c r="R292" s="100"/>
    </row>
    <row r="293" spans="1:18" ht="15.95" customHeight="1" thickBot="1">
      <c r="A293" s="33"/>
      <c r="B293" s="313">
        <v>162</v>
      </c>
      <c r="C293" s="667" t="s">
        <v>96</v>
      </c>
      <c r="D293" s="668"/>
      <c r="E293" s="635" t="s">
        <v>688</v>
      </c>
      <c r="F293" s="636"/>
      <c r="G293" s="636"/>
      <c r="H293" s="636"/>
      <c r="I293" s="637"/>
      <c r="J293" s="268" t="s">
        <v>689</v>
      </c>
      <c r="K293" s="100"/>
      <c r="L293" s="100"/>
      <c r="M293" s="100"/>
      <c r="N293" s="100"/>
      <c r="O293" s="100"/>
      <c r="P293" s="100"/>
      <c r="Q293" s="100"/>
      <c r="R293" s="100"/>
    </row>
    <row r="294" spans="1:18" ht="32.1" customHeight="1" thickBot="1">
      <c r="A294" s="33"/>
      <c r="B294" s="313">
        <v>163</v>
      </c>
      <c r="C294" s="667" t="s">
        <v>96</v>
      </c>
      <c r="D294" s="668"/>
      <c r="E294" s="635" t="s">
        <v>690</v>
      </c>
      <c r="F294" s="636"/>
      <c r="G294" s="636"/>
      <c r="H294" s="636"/>
      <c r="I294" s="637"/>
      <c r="J294" s="268" t="s">
        <v>691</v>
      </c>
      <c r="K294" s="100"/>
      <c r="L294" s="100"/>
      <c r="M294" s="100"/>
      <c r="N294" s="100"/>
      <c r="O294" s="100"/>
      <c r="P294" s="100"/>
      <c r="Q294" s="100"/>
      <c r="R294" s="100"/>
    </row>
    <row r="295" spans="1:18" ht="15.95" customHeight="1" thickBot="1">
      <c r="A295" s="33"/>
      <c r="B295" s="313">
        <v>164</v>
      </c>
      <c r="C295" s="667" t="s">
        <v>96</v>
      </c>
      <c r="D295" s="668"/>
      <c r="E295" s="635" t="s">
        <v>692</v>
      </c>
      <c r="F295" s="636"/>
      <c r="G295" s="636"/>
      <c r="H295" s="636"/>
      <c r="I295" s="637"/>
      <c r="J295" s="268" t="s">
        <v>693</v>
      </c>
      <c r="K295" s="100"/>
      <c r="L295" s="100"/>
      <c r="M295" s="100"/>
      <c r="N295" s="100"/>
      <c r="O295" s="100"/>
      <c r="P295" s="100"/>
      <c r="Q295" s="100"/>
      <c r="R295" s="100"/>
    </row>
    <row r="296" spans="1:18" ht="15.95" customHeight="1" thickBot="1">
      <c r="A296" s="33"/>
      <c r="B296" s="313">
        <v>165</v>
      </c>
      <c r="C296" s="667" t="s">
        <v>96</v>
      </c>
      <c r="D296" s="668"/>
      <c r="E296" s="635" t="s">
        <v>694</v>
      </c>
      <c r="F296" s="636"/>
      <c r="G296" s="636"/>
      <c r="H296" s="333"/>
      <c r="I296" s="330"/>
      <c r="J296" s="268" t="s">
        <v>695</v>
      </c>
      <c r="K296" s="100"/>
      <c r="L296" s="100"/>
      <c r="M296" s="100"/>
      <c r="N296" s="100"/>
      <c r="O296" s="100"/>
      <c r="P296" s="100"/>
      <c r="Q296" s="100"/>
      <c r="R296" s="100"/>
    </row>
    <row r="297" spans="1:18" ht="15.95" customHeight="1" thickBot="1">
      <c r="A297" s="33"/>
      <c r="B297" s="313">
        <v>166</v>
      </c>
      <c r="C297" s="667" t="s">
        <v>96</v>
      </c>
      <c r="D297" s="668"/>
      <c r="E297" s="635" t="s">
        <v>696</v>
      </c>
      <c r="F297" s="636"/>
      <c r="G297" s="636"/>
      <c r="H297" s="333"/>
      <c r="I297" s="330"/>
      <c r="J297" s="268" t="s">
        <v>697</v>
      </c>
      <c r="K297" s="100"/>
      <c r="L297" s="100"/>
      <c r="M297" s="100"/>
      <c r="N297" s="100"/>
      <c r="O297" s="100"/>
      <c r="P297" s="100"/>
      <c r="Q297" s="100"/>
      <c r="R297" s="100"/>
    </row>
    <row r="298" spans="1:18" ht="15.95" customHeight="1" thickBot="1">
      <c r="A298" s="33"/>
      <c r="B298" s="313">
        <v>167</v>
      </c>
      <c r="C298" s="667" t="s">
        <v>96</v>
      </c>
      <c r="D298" s="668"/>
      <c r="E298" s="635" t="s">
        <v>698</v>
      </c>
      <c r="F298" s="636"/>
      <c r="G298" s="636"/>
      <c r="H298" s="333"/>
      <c r="I298" s="330"/>
      <c r="J298" s="268" t="s">
        <v>699</v>
      </c>
      <c r="K298" s="100"/>
      <c r="L298" s="100"/>
      <c r="M298" s="100"/>
      <c r="N298" s="100"/>
      <c r="O298" s="100"/>
      <c r="P298" s="100"/>
      <c r="Q298" s="100"/>
      <c r="R298" s="100"/>
    </row>
    <row r="299" spans="1:18" ht="15.95" customHeight="1" thickBot="1">
      <c r="A299" s="33"/>
      <c r="B299" s="313">
        <v>168</v>
      </c>
      <c r="C299" s="667" t="s">
        <v>96</v>
      </c>
      <c r="D299" s="668"/>
      <c r="E299" s="635" t="s">
        <v>700</v>
      </c>
      <c r="F299" s="636"/>
      <c r="G299" s="636"/>
      <c r="H299" s="333"/>
      <c r="I299" s="330"/>
      <c r="J299" s="268" t="s">
        <v>701</v>
      </c>
      <c r="K299" s="100"/>
      <c r="L299" s="100"/>
      <c r="M299" s="100"/>
      <c r="N299" s="100"/>
      <c r="O299" s="100"/>
      <c r="P299" s="100"/>
      <c r="Q299" s="100"/>
      <c r="R299" s="100"/>
    </row>
    <row r="300" spans="1:18" ht="15.95" customHeight="1" thickBot="1">
      <c r="A300" s="33"/>
      <c r="B300" s="313">
        <v>169</v>
      </c>
      <c r="C300" s="667" t="s">
        <v>96</v>
      </c>
      <c r="D300" s="668"/>
      <c r="E300" s="635" t="s">
        <v>702</v>
      </c>
      <c r="F300" s="636"/>
      <c r="G300" s="636"/>
      <c r="H300" s="333"/>
      <c r="I300" s="330"/>
      <c r="J300" s="268" t="s">
        <v>703</v>
      </c>
      <c r="K300" s="100"/>
      <c r="L300" s="100"/>
      <c r="M300" s="100"/>
      <c r="N300" s="100"/>
      <c r="O300" s="100"/>
      <c r="P300" s="100"/>
      <c r="Q300" s="100"/>
      <c r="R300" s="100"/>
    </row>
    <row r="301" spans="1:18" ht="15.95" customHeight="1" thickBot="1">
      <c r="A301" s="33"/>
      <c r="B301" s="313">
        <v>170</v>
      </c>
      <c r="C301" s="667" t="s">
        <v>96</v>
      </c>
      <c r="D301" s="668"/>
      <c r="E301" s="635" t="s">
        <v>704</v>
      </c>
      <c r="F301" s="636"/>
      <c r="G301" s="636"/>
      <c r="H301" s="636"/>
      <c r="I301" s="637"/>
      <c r="J301" s="268" t="s">
        <v>705</v>
      </c>
      <c r="K301" s="100"/>
      <c r="L301" s="100"/>
      <c r="M301" s="100"/>
      <c r="N301" s="100"/>
      <c r="O301" s="100"/>
      <c r="P301" s="100"/>
      <c r="Q301" s="100"/>
      <c r="R301" s="100"/>
    </row>
    <row r="302" spans="1:18" ht="15.95" customHeight="1" thickBot="1">
      <c r="A302" s="33"/>
      <c r="B302" s="314">
        <v>171</v>
      </c>
      <c r="C302" s="667" t="s">
        <v>96</v>
      </c>
      <c r="D302" s="668"/>
      <c r="E302" s="635" t="s">
        <v>706</v>
      </c>
      <c r="F302" s="636"/>
      <c r="G302" s="636"/>
      <c r="H302" s="331"/>
      <c r="I302" s="332"/>
      <c r="J302" s="272">
        <v>35311</v>
      </c>
      <c r="K302" s="100"/>
      <c r="L302" s="100"/>
      <c r="M302" s="100"/>
      <c r="N302" s="100"/>
      <c r="O302" s="100"/>
      <c r="P302" s="100"/>
      <c r="Q302" s="100"/>
      <c r="R302" s="100"/>
    </row>
    <row r="303" spans="1:18" ht="15.95" customHeight="1" thickBot="1">
      <c r="A303" s="33"/>
      <c r="B303" s="313">
        <v>172</v>
      </c>
      <c r="C303" s="667" t="s">
        <v>96</v>
      </c>
      <c r="D303" s="668"/>
      <c r="E303" s="635" t="s">
        <v>707</v>
      </c>
      <c r="F303" s="636"/>
      <c r="G303" s="636"/>
      <c r="H303" s="636"/>
      <c r="I303" s="637"/>
      <c r="J303" s="268" t="s">
        <v>708</v>
      </c>
      <c r="K303" s="100"/>
      <c r="L303" s="100"/>
      <c r="M303" s="100"/>
      <c r="N303" s="100"/>
      <c r="O303" s="100"/>
      <c r="P303" s="100"/>
      <c r="Q303" s="100"/>
      <c r="R303" s="100"/>
    </row>
    <row r="304" spans="1:18" ht="48" customHeight="1" thickBot="1">
      <c r="A304" s="33"/>
      <c r="B304" s="313">
        <v>173</v>
      </c>
      <c r="C304" s="667" t="s">
        <v>96</v>
      </c>
      <c r="D304" s="668"/>
      <c r="E304" s="635" t="s">
        <v>709</v>
      </c>
      <c r="F304" s="636"/>
      <c r="G304" s="636"/>
      <c r="H304" s="636"/>
      <c r="I304" s="637"/>
      <c r="J304" s="268" t="s">
        <v>710</v>
      </c>
      <c r="K304" s="100"/>
      <c r="L304" s="100"/>
      <c r="M304" s="100"/>
      <c r="N304" s="100"/>
      <c r="O304" s="100"/>
      <c r="P304" s="100"/>
      <c r="Q304" s="100"/>
      <c r="R304" s="100"/>
    </row>
    <row r="305" spans="1:18" ht="32.1" customHeight="1" thickBot="1">
      <c r="A305" s="33"/>
      <c r="B305" s="313">
        <v>174</v>
      </c>
      <c r="C305" s="667" t="s">
        <v>96</v>
      </c>
      <c r="D305" s="668"/>
      <c r="E305" s="635" t="s">
        <v>711</v>
      </c>
      <c r="F305" s="636"/>
      <c r="G305" s="636"/>
      <c r="H305" s="636"/>
      <c r="I305" s="637"/>
      <c r="J305" s="268" t="s">
        <v>712</v>
      </c>
      <c r="K305" s="100"/>
      <c r="L305" s="100"/>
      <c r="M305" s="100"/>
      <c r="N305" s="100"/>
      <c r="O305" s="100"/>
      <c r="P305" s="100"/>
      <c r="Q305" s="100"/>
      <c r="R305" s="100"/>
    </row>
    <row r="306" spans="1:18" ht="48" customHeight="1" thickBot="1">
      <c r="A306" s="33"/>
      <c r="B306" s="313">
        <v>175</v>
      </c>
      <c r="C306" s="667" t="s">
        <v>96</v>
      </c>
      <c r="D306" s="668"/>
      <c r="E306" s="635" t="s">
        <v>713</v>
      </c>
      <c r="F306" s="636"/>
      <c r="G306" s="636"/>
      <c r="H306" s="636"/>
      <c r="I306" s="637"/>
      <c r="J306" s="268" t="s">
        <v>714</v>
      </c>
      <c r="K306" s="100"/>
      <c r="L306" s="100"/>
      <c r="M306" s="100"/>
      <c r="N306" s="100"/>
      <c r="O306" s="100"/>
      <c r="P306" s="100"/>
      <c r="Q306" s="100"/>
      <c r="R306" s="100"/>
    </row>
    <row r="307" spans="1:18" ht="48" customHeight="1" thickBot="1">
      <c r="A307" s="33"/>
      <c r="B307" s="313">
        <v>176</v>
      </c>
      <c r="C307" s="667" t="s">
        <v>96</v>
      </c>
      <c r="D307" s="668"/>
      <c r="E307" s="635" t="s">
        <v>715</v>
      </c>
      <c r="F307" s="636"/>
      <c r="G307" s="636"/>
      <c r="H307" s="636"/>
      <c r="I307" s="637"/>
      <c r="J307" s="268" t="s">
        <v>716</v>
      </c>
      <c r="K307" s="100"/>
      <c r="L307" s="100"/>
      <c r="M307" s="100"/>
      <c r="N307" s="100"/>
      <c r="O307" s="100"/>
      <c r="P307" s="100"/>
      <c r="Q307" s="100"/>
      <c r="R307" s="100"/>
    </row>
    <row r="308" spans="1:18" ht="32.1" customHeight="1" thickBot="1">
      <c r="A308" s="33"/>
      <c r="B308" s="313">
        <v>177</v>
      </c>
      <c r="C308" s="667" t="s">
        <v>96</v>
      </c>
      <c r="D308" s="668"/>
      <c r="E308" s="635" t="s">
        <v>717</v>
      </c>
      <c r="F308" s="636"/>
      <c r="G308" s="636"/>
      <c r="H308" s="636"/>
      <c r="I308" s="637"/>
      <c r="J308" s="268" t="s">
        <v>718</v>
      </c>
      <c r="K308" s="100"/>
      <c r="L308" s="100"/>
      <c r="M308" s="100"/>
      <c r="N308" s="100"/>
      <c r="O308" s="100"/>
      <c r="P308" s="100"/>
      <c r="Q308" s="100"/>
      <c r="R308" s="100"/>
    </row>
    <row r="309" spans="1:18" ht="48" customHeight="1" thickBot="1">
      <c r="A309" s="33"/>
      <c r="B309" s="313">
        <v>178</v>
      </c>
      <c r="C309" s="667" t="s">
        <v>96</v>
      </c>
      <c r="D309" s="668"/>
      <c r="E309" s="635" t="s">
        <v>719</v>
      </c>
      <c r="F309" s="636"/>
      <c r="G309" s="636"/>
      <c r="H309" s="636"/>
      <c r="I309" s="637"/>
      <c r="J309" s="268" t="s">
        <v>720</v>
      </c>
      <c r="K309" s="100"/>
      <c r="L309" s="100"/>
      <c r="M309" s="100"/>
      <c r="N309" s="100"/>
      <c r="O309" s="100"/>
      <c r="P309" s="100"/>
      <c r="Q309" s="100"/>
      <c r="R309" s="100"/>
    </row>
    <row r="310" spans="1:18" ht="15.95" customHeight="1" thickBot="1">
      <c r="A310" s="33"/>
      <c r="B310" s="313">
        <v>179</v>
      </c>
      <c r="C310" s="667" t="s">
        <v>96</v>
      </c>
      <c r="D310" s="668"/>
      <c r="E310" s="635" t="s">
        <v>721</v>
      </c>
      <c r="F310" s="636"/>
      <c r="G310" s="636"/>
      <c r="H310" s="636"/>
      <c r="I310" s="637"/>
      <c r="J310" s="268" t="s">
        <v>722</v>
      </c>
      <c r="K310" s="100"/>
      <c r="L310" s="100"/>
      <c r="M310" s="100"/>
      <c r="N310" s="100"/>
      <c r="O310" s="100"/>
      <c r="P310" s="100"/>
      <c r="Q310" s="100"/>
      <c r="R310" s="100"/>
    </row>
  </sheetData>
  <sheetProtection password="E0C6" sheet="1" objects="1" scenarios="1" selectLockedCells="1"/>
  <protectedRanges>
    <protectedRange sqref="D62:E63 D10:E16" name="範囲1"/>
  </protectedRanges>
  <mergeCells count="434">
    <mergeCell ref="C308:D308"/>
    <mergeCell ref="E308:I308"/>
    <mergeCell ref="C309:D309"/>
    <mergeCell ref="E309:I309"/>
    <mergeCell ref="C310:D310"/>
    <mergeCell ref="E310:I310"/>
    <mergeCell ref="C305:D305"/>
    <mergeCell ref="E305:I305"/>
    <mergeCell ref="C306:D306"/>
    <mergeCell ref="E306:I306"/>
    <mergeCell ref="C307:D307"/>
    <mergeCell ref="E307:I307"/>
    <mergeCell ref="C302:D302"/>
    <mergeCell ref="E302:G302"/>
    <mergeCell ref="C303:D303"/>
    <mergeCell ref="E303:I303"/>
    <mergeCell ref="C304:D304"/>
    <mergeCell ref="E304:I304"/>
    <mergeCell ref="C299:D299"/>
    <mergeCell ref="E299:G299"/>
    <mergeCell ref="C300:D300"/>
    <mergeCell ref="E300:G300"/>
    <mergeCell ref="C301:D301"/>
    <mergeCell ref="E301:I301"/>
    <mergeCell ref="C296:D296"/>
    <mergeCell ref="E296:G296"/>
    <mergeCell ref="C297:D297"/>
    <mergeCell ref="E297:G297"/>
    <mergeCell ref="C298:D298"/>
    <mergeCell ref="E298:G298"/>
    <mergeCell ref="C293:D293"/>
    <mergeCell ref="E293:I293"/>
    <mergeCell ref="C294:D294"/>
    <mergeCell ref="E294:I294"/>
    <mergeCell ref="C295:D295"/>
    <mergeCell ref="E295:I295"/>
    <mergeCell ref="C290:D290"/>
    <mergeCell ref="E290:G290"/>
    <mergeCell ref="C291:D291"/>
    <mergeCell ref="E291:G291"/>
    <mergeCell ref="C292:D292"/>
    <mergeCell ref="E292:I292"/>
    <mergeCell ref="C287:D287"/>
    <mergeCell ref="E287:G287"/>
    <mergeCell ref="C288:D288"/>
    <mergeCell ref="E288:G288"/>
    <mergeCell ref="C289:D289"/>
    <mergeCell ref="E289:G289"/>
    <mergeCell ref="C284:D284"/>
    <mergeCell ref="E284:G284"/>
    <mergeCell ref="C285:D285"/>
    <mergeCell ref="E285:G285"/>
    <mergeCell ref="C286:D286"/>
    <mergeCell ref="E286:I286"/>
    <mergeCell ref="C281:D281"/>
    <mergeCell ref="E281:I281"/>
    <mergeCell ref="C282:D282"/>
    <mergeCell ref="E282:G282"/>
    <mergeCell ref="C283:D283"/>
    <mergeCell ref="E283:G283"/>
    <mergeCell ref="C278:D278"/>
    <mergeCell ref="E278:G278"/>
    <mergeCell ref="C279:D279"/>
    <mergeCell ref="E279:G279"/>
    <mergeCell ref="C280:D280"/>
    <mergeCell ref="E280:I280"/>
    <mergeCell ref="C275:D275"/>
    <mergeCell ref="E275:I275"/>
    <mergeCell ref="C276:D276"/>
    <mergeCell ref="E276:I276"/>
    <mergeCell ref="C277:D277"/>
    <mergeCell ref="E277:G277"/>
    <mergeCell ref="C272:D272"/>
    <mergeCell ref="E272:G272"/>
    <mergeCell ref="C273:D273"/>
    <mergeCell ref="E273:I273"/>
    <mergeCell ref="C274:D274"/>
    <mergeCell ref="E274:G274"/>
    <mergeCell ref="C269:D269"/>
    <mergeCell ref="E269:I269"/>
    <mergeCell ref="C270:D270"/>
    <mergeCell ref="E270:I270"/>
    <mergeCell ref="C271:D271"/>
    <mergeCell ref="E271:G271"/>
    <mergeCell ref="C266:D266"/>
    <mergeCell ref="E266:G266"/>
    <mergeCell ref="C267:D267"/>
    <mergeCell ref="E267:G267"/>
    <mergeCell ref="C268:D268"/>
    <mergeCell ref="E268:G268"/>
    <mergeCell ref="C263:D263"/>
    <mergeCell ref="E263:I263"/>
    <mergeCell ref="C264:D264"/>
    <mergeCell ref="E264:I264"/>
    <mergeCell ref="C265:D265"/>
    <mergeCell ref="E265:G265"/>
    <mergeCell ref="C260:D260"/>
    <mergeCell ref="E260:I260"/>
    <mergeCell ref="C261:D261"/>
    <mergeCell ref="E261:G261"/>
    <mergeCell ref="C262:D262"/>
    <mergeCell ref="E262:G262"/>
    <mergeCell ref="C257:D257"/>
    <mergeCell ref="E257:G257"/>
    <mergeCell ref="C258:D258"/>
    <mergeCell ref="E258:G258"/>
    <mergeCell ref="C259:D259"/>
    <mergeCell ref="E259:G259"/>
    <mergeCell ref="C254:D254"/>
    <mergeCell ref="E254:I254"/>
    <mergeCell ref="C255:D255"/>
    <mergeCell ref="E255:G255"/>
    <mergeCell ref="C256:D256"/>
    <mergeCell ref="E256:G256"/>
    <mergeCell ref="C251:D251"/>
    <mergeCell ref="E251:G251"/>
    <mergeCell ref="C252:D252"/>
    <mergeCell ref="E252:G252"/>
    <mergeCell ref="C253:D253"/>
    <mergeCell ref="E253:G253"/>
    <mergeCell ref="C248:D248"/>
    <mergeCell ref="E248:G248"/>
    <mergeCell ref="C249:D249"/>
    <mergeCell ref="E249:G249"/>
    <mergeCell ref="C250:D250"/>
    <mergeCell ref="E250:I250"/>
    <mergeCell ref="C245:D245"/>
    <mergeCell ref="E245:G245"/>
    <mergeCell ref="C246:D246"/>
    <mergeCell ref="E246:I246"/>
    <mergeCell ref="C247:D247"/>
    <mergeCell ref="E247:G247"/>
    <mergeCell ref="C242:D242"/>
    <mergeCell ref="E242:G242"/>
    <mergeCell ref="C243:D243"/>
    <mergeCell ref="E243:G243"/>
    <mergeCell ref="C244:D244"/>
    <mergeCell ref="E244:I244"/>
    <mergeCell ref="C238:D238"/>
    <mergeCell ref="E238:I238"/>
    <mergeCell ref="C239:D239"/>
    <mergeCell ref="E239:I239"/>
    <mergeCell ref="E240:I240"/>
    <mergeCell ref="C241:D241"/>
    <mergeCell ref="E241:G241"/>
    <mergeCell ref="C240:D240"/>
    <mergeCell ref="C235:D235"/>
    <mergeCell ref="E235:G235"/>
    <mergeCell ref="C236:D236"/>
    <mergeCell ref="E236:I236"/>
    <mergeCell ref="C237:D237"/>
    <mergeCell ref="E237:I237"/>
    <mergeCell ref="C232:D232"/>
    <mergeCell ref="E232:G232"/>
    <mergeCell ref="C233:D233"/>
    <mergeCell ref="E233:G233"/>
    <mergeCell ref="C234:D234"/>
    <mergeCell ref="E234:G234"/>
    <mergeCell ref="C229:D229"/>
    <mergeCell ref="E229:I229"/>
    <mergeCell ref="C230:D230"/>
    <mergeCell ref="E230:I230"/>
    <mergeCell ref="C231:D231"/>
    <mergeCell ref="E231:G231"/>
    <mergeCell ref="C226:D226"/>
    <mergeCell ref="E226:I226"/>
    <mergeCell ref="C227:D227"/>
    <mergeCell ref="E227:G227"/>
    <mergeCell ref="C228:D228"/>
    <mergeCell ref="E228:I228"/>
    <mergeCell ref="C223:D223"/>
    <mergeCell ref="E223:G223"/>
    <mergeCell ref="C224:D224"/>
    <mergeCell ref="E224:G224"/>
    <mergeCell ref="C225:D225"/>
    <mergeCell ref="E225:G225"/>
    <mergeCell ref="C220:D220"/>
    <mergeCell ref="E220:G220"/>
    <mergeCell ref="C221:D221"/>
    <mergeCell ref="E221:G221"/>
    <mergeCell ref="C222:D222"/>
    <mergeCell ref="E222:I222"/>
    <mergeCell ref="C218:D218"/>
    <mergeCell ref="E218:G218"/>
    <mergeCell ref="C219:D219"/>
    <mergeCell ref="E219:G219"/>
    <mergeCell ref="E209:G209"/>
    <mergeCell ref="E210:G210"/>
    <mergeCell ref="E211:I211"/>
    <mergeCell ref="E212:I212"/>
    <mergeCell ref="E213:G213"/>
    <mergeCell ref="E214:G214"/>
    <mergeCell ref="C201:D201"/>
    <mergeCell ref="E201:G201"/>
    <mergeCell ref="C202:D217"/>
    <mergeCell ref="E202:G202"/>
    <mergeCell ref="E203:G203"/>
    <mergeCell ref="E204:G204"/>
    <mergeCell ref="E205:G205"/>
    <mergeCell ref="E206:G206"/>
    <mergeCell ref="E207:G207"/>
    <mergeCell ref="E208:G208"/>
    <mergeCell ref="E215:G215"/>
    <mergeCell ref="E216:I216"/>
    <mergeCell ref="E217:G217"/>
    <mergeCell ref="C197:D197"/>
    <mergeCell ref="E197:G197"/>
    <mergeCell ref="E198:G198"/>
    <mergeCell ref="E199:G199"/>
    <mergeCell ref="E200:G200"/>
    <mergeCell ref="C194:D194"/>
    <mergeCell ref="E194:G194"/>
    <mergeCell ref="C195:D195"/>
    <mergeCell ref="E195:G195"/>
    <mergeCell ref="C196:D196"/>
    <mergeCell ref="E196:G196"/>
    <mergeCell ref="C198:D199"/>
    <mergeCell ref="C200:D200"/>
    <mergeCell ref="C190:D190"/>
    <mergeCell ref="E190:G190"/>
    <mergeCell ref="C191:D193"/>
    <mergeCell ref="E191:I191"/>
    <mergeCell ref="E192:G192"/>
    <mergeCell ref="E193:G193"/>
    <mergeCell ref="C181:D189"/>
    <mergeCell ref="E181:G181"/>
    <mergeCell ref="E182:G182"/>
    <mergeCell ref="E183:G183"/>
    <mergeCell ref="E184:G184"/>
    <mergeCell ref="E185:G185"/>
    <mergeCell ref="E186:G186"/>
    <mergeCell ref="E187:G187"/>
    <mergeCell ref="E188:G188"/>
    <mergeCell ref="E189:G189"/>
    <mergeCell ref="C178:D178"/>
    <mergeCell ref="E178:G178"/>
    <mergeCell ref="C179:D179"/>
    <mergeCell ref="E179:G179"/>
    <mergeCell ref="C180:D180"/>
    <mergeCell ref="E180:G180"/>
    <mergeCell ref="C171:D177"/>
    <mergeCell ref="E171:G171"/>
    <mergeCell ref="E172:G172"/>
    <mergeCell ref="E173:G173"/>
    <mergeCell ref="E174:G174"/>
    <mergeCell ref="E175:G175"/>
    <mergeCell ref="E176:G176"/>
    <mergeCell ref="E177:G177"/>
    <mergeCell ref="C168:D168"/>
    <mergeCell ref="E168:G168"/>
    <mergeCell ref="C169:D169"/>
    <mergeCell ref="E169:G169"/>
    <mergeCell ref="C170:D170"/>
    <mergeCell ref="E170:G170"/>
    <mergeCell ref="C165:D165"/>
    <mergeCell ref="E165:G165"/>
    <mergeCell ref="C166:D166"/>
    <mergeCell ref="E166:G166"/>
    <mergeCell ref="C167:D167"/>
    <mergeCell ref="E167:G167"/>
    <mergeCell ref="C161:D162"/>
    <mergeCell ref="E161:G161"/>
    <mergeCell ref="E162:G162"/>
    <mergeCell ref="C163:D163"/>
    <mergeCell ref="E163:G163"/>
    <mergeCell ref="C164:D164"/>
    <mergeCell ref="E164:G164"/>
    <mergeCell ref="C158:D158"/>
    <mergeCell ref="E158:G158"/>
    <mergeCell ref="C159:D159"/>
    <mergeCell ref="E159:G159"/>
    <mergeCell ref="C160:D160"/>
    <mergeCell ref="E160:G160"/>
    <mergeCell ref="C154:D156"/>
    <mergeCell ref="E154:G154"/>
    <mergeCell ref="E155:I155"/>
    <mergeCell ref="E156:G156"/>
    <mergeCell ref="C157:D157"/>
    <mergeCell ref="E157:G157"/>
    <mergeCell ref="C149:D151"/>
    <mergeCell ref="E149:G149"/>
    <mergeCell ref="E150:G150"/>
    <mergeCell ref="E151:G151"/>
    <mergeCell ref="C152:D153"/>
    <mergeCell ref="E152:G152"/>
    <mergeCell ref="E153:G153"/>
    <mergeCell ref="C144:D144"/>
    <mergeCell ref="E144:G144"/>
    <mergeCell ref="C145:D148"/>
    <mergeCell ref="E145:G145"/>
    <mergeCell ref="E146:G146"/>
    <mergeCell ref="E147:I147"/>
    <mergeCell ref="E148:G148"/>
    <mergeCell ref="C139:D140"/>
    <mergeCell ref="E139:G139"/>
    <mergeCell ref="E140:I140"/>
    <mergeCell ref="C141:D141"/>
    <mergeCell ref="E141:G141"/>
    <mergeCell ref="C142:D143"/>
    <mergeCell ref="E142:I142"/>
    <mergeCell ref="E143:G143"/>
    <mergeCell ref="E135:I135"/>
    <mergeCell ref="E136:I136"/>
    <mergeCell ref="E137:I137"/>
    <mergeCell ref="C138:D138"/>
    <mergeCell ref="E138:G138"/>
    <mergeCell ref="B130:B131"/>
    <mergeCell ref="C130:D131"/>
    <mergeCell ref="E130:I131"/>
    <mergeCell ref="C137:D137"/>
    <mergeCell ref="C135:D136"/>
    <mergeCell ref="J130:J131"/>
    <mergeCell ref="C132:D134"/>
    <mergeCell ref="E132:I132"/>
    <mergeCell ref="E133:I133"/>
    <mergeCell ref="E134:I134"/>
    <mergeCell ref="C114:F114"/>
    <mergeCell ref="G114:H114"/>
    <mergeCell ref="K114:M114"/>
    <mergeCell ref="D119:G120"/>
    <mergeCell ref="I119:M120"/>
    <mergeCell ref="D122:G123"/>
    <mergeCell ref="I122:M123"/>
    <mergeCell ref="C110:M110"/>
    <mergeCell ref="C111:F112"/>
    <mergeCell ref="G111:H112"/>
    <mergeCell ref="J111:J112"/>
    <mergeCell ref="K111:M112"/>
    <mergeCell ref="C113:F113"/>
    <mergeCell ref="G113:H113"/>
    <mergeCell ref="K113:M113"/>
    <mergeCell ref="F101:K101"/>
    <mergeCell ref="L101:M101"/>
    <mergeCell ref="D106:K106"/>
    <mergeCell ref="L106:M106"/>
    <mergeCell ref="D107:K107"/>
    <mergeCell ref="L107:M107"/>
    <mergeCell ref="F98:K98"/>
    <mergeCell ref="L98:M98"/>
    <mergeCell ref="F99:K99"/>
    <mergeCell ref="L99:M99"/>
    <mergeCell ref="F100:K100"/>
    <mergeCell ref="L100:M100"/>
    <mergeCell ref="F95:K95"/>
    <mergeCell ref="L95:M95"/>
    <mergeCell ref="F96:K96"/>
    <mergeCell ref="L96:M96"/>
    <mergeCell ref="F97:K97"/>
    <mergeCell ref="L97:M97"/>
    <mergeCell ref="F93:K93"/>
    <mergeCell ref="L93:M93"/>
    <mergeCell ref="F94:K94"/>
    <mergeCell ref="L94:M94"/>
    <mergeCell ref="D87:K87"/>
    <mergeCell ref="L87:M87"/>
    <mergeCell ref="D88:K88"/>
    <mergeCell ref="L88:M88"/>
    <mergeCell ref="F92:K92"/>
    <mergeCell ref="L92:M92"/>
    <mergeCell ref="L74:M74"/>
    <mergeCell ref="D77:M78"/>
    <mergeCell ref="C82:M84"/>
    <mergeCell ref="D85:K85"/>
    <mergeCell ref="L85:M85"/>
    <mergeCell ref="D86:K86"/>
    <mergeCell ref="L86:M86"/>
    <mergeCell ref="C71:C74"/>
    <mergeCell ref="D71:D74"/>
    <mergeCell ref="E71:E74"/>
    <mergeCell ref="F71:K71"/>
    <mergeCell ref="L71:M71"/>
    <mergeCell ref="F72:K72"/>
    <mergeCell ref="L72:M72"/>
    <mergeCell ref="F73:K73"/>
    <mergeCell ref="L73:M73"/>
    <mergeCell ref="F74:K74"/>
    <mergeCell ref="F68:K68"/>
    <mergeCell ref="L68:M68"/>
    <mergeCell ref="F69:K69"/>
    <mergeCell ref="L69:M69"/>
    <mergeCell ref="F70:K70"/>
    <mergeCell ref="L70:M70"/>
    <mergeCell ref="F65:K65"/>
    <mergeCell ref="L65:M65"/>
    <mergeCell ref="F66:K66"/>
    <mergeCell ref="L66:M66"/>
    <mergeCell ref="F67:K67"/>
    <mergeCell ref="L67:M67"/>
    <mergeCell ref="F31:K31"/>
    <mergeCell ref="L31:M31"/>
    <mergeCell ref="F32:K32"/>
    <mergeCell ref="L32:M32"/>
    <mergeCell ref="F64:K64"/>
    <mergeCell ref="L64:M64"/>
    <mergeCell ref="F28:K28"/>
    <mergeCell ref="L28:M28"/>
    <mergeCell ref="F29:K29"/>
    <mergeCell ref="L29:M29"/>
    <mergeCell ref="F30:K30"/>
    <mergeCell ref="L30:M30"/>
    <mergeCell ref="F25:K25"/>
    <mergeCell ref="L25:M25"/>
    <mergeCell ref="F26:K26"/>
    <mergeCell ref="L26:M26"/>
    <mergeCell ref="F21:K21"/>
    <mergeCell ref="L21:M21"/>
    <mergeCell ref="F22:K22"/>
    <mergeCell ref="L22:M22"/>
    <mergeCell ref="F23:K23"/>
    <mergeCell ref="L23:M23"/>
    <mergeCell ref="F27:K27"/>
    <mergeCell ref="L27:M27"/>
    <mergeCell ref="B3:H5"/>
    <mergeCell ref="K3:M3"/>
    <mergeCell ref="K4:M4"/>
    <mergeCell ref="J5:J6"/>
    <mergeCell ref="K5:M6"/>
    <mergeCell ref="K7:L7"/>
    <mergeCell ref="C18:C20"/>
    <mergeCell ref="F18:K18"/>
    <mergeCell ref="L18:M18"/>
    <mergeCell ref="F19:K19"/>
    <mergeCell ref="L19:M19"/>
    <mergeCell ref="F20:K20"/>
    <mergeCell ref="L20:M20"/>
    <mergeCell ref="B8:N8"/>
    <mergeCell ref="H10:J10"/>
    <mergeCell ref="H11:J11"/>
    <mergeCell ref="H12:J12"/>
    <mergeCell ref="H13:J13"/>
    <mergeCell ref="F17:K17"/>
    <mergeCell ref="L17:M17"/>
    <mergeCell ref="F24:K24"/>
    <mergeCell ref="L24:M24"/>
  </mergeCells>
  <phoneticPr fontId="6"/>
  <conditionalFormatting sqref="G60 G37:G58">
    <cfRule type="cellIs" dxfId="12" priority="1" operator="greaterThan">
      <formula>0</formula>
    </cfRule>
  </conditionalFormatting>
  <dataValidations count="4">
    <dataValidation type="list" allowBlank="1" showInputMessage="1" showErrorMessage="1" sqref="L65609:M65619 TD65610:TE65620 ACZ65610:ADA65620 AMV65610:AMW65620 AWR65610:AWS65620 BGN65610:BGO65620 BQJ65610:BQK65620 CAF65610:CAG65620 CKB65610:CKC65620 CTX65610:CTY65620 DDT65610:DDU65620 DNP65610:DNQ65620 DXL65610:DXM65620 EHH65610:EHI65620 ERD65610:ERE65620 FAZ65610:FBA65620 FKV65610:FKW65620 FUR65610:FUS65620 GEN65610:GEO65620 GOJ65610:GOK65620 GYF65610:GYG65620 HIB65610:HIC65620 HRX65610:HRY65620 IBT65610:IBU65620 ILP65610:ILQ65620 IVL65610:IVM65620 JFH65610:JFI65620 JPD65610:JPE65620 JYZ65610:JZA65620 KIV65610:KIW65620 KSR65610:KSS65620 LCN65610:LCO65620 LMJ65610:LMK65620 LWF65610:LWG65620 MGB65610:MGC65620 MPX65610:MPY65620 MZT65610:MZU65620 NJP65610:NJQ65620 NTL65610:NTM65620 ODH65610:ODI65620 OND65610:ONE65620 OWZ65610:OXA65620 PGV65610:PGW65620 PQR65610:PQS65620 QAN65610:QAO65620 QKJ65610:QKK65620 QUF65610:QUG65620 REB65610:REC65620 RNX65610:RNY65620 RXT65610:RXU65620 SHP65610:SHQ65620 SRL65610:SRM65620 TBH65610:TBI65620 TLD65610:TLE65620 TUZ65610:TVA65620 UEV65610:UEW65620 UOR65610:UOS65620 UYN65610:UYO65620 VIJ65610:VIK65620 VSF65610:VSG65620 WCB65610:WCC65620 WLX65610:WLY65620 WVT65610:WVU65620 L131145:M131155 JH131146:JI131156 TD131146:TE131156 ACZ131146:ADA131156 AMV131146:AMW131156 AWR131146:AWS131156 BGN131146:BGO131156 BQJ131146:BQK131156 CAF131146:CAG131156 CKB131146:CKC131156 CTX131146:CTY131156 DDT131146:DDU131156 DNP131146:DNQ131156 DXL131146:DXM131156 EHH131146:EHI131156 ERD131146:ERE131156 FAZ131146:FBA131156 FKV131146:FKW131156 FUR131146:FUS131156 GEN131146:GEO131156 GOJ131146:GOK131156 GYF131146:GYG131156 HIB131146:HIC131156 HRX131146:HRY131156 IBT131146:IBU131156 ILP131146:ILQ131156 IVL131146:IVM131156 JFH131146:JFI131156 JPD131146:JPE131156 JYZ131146:JZA131156 KIV131146:KIW131156 KSR131146:KSS131156 LCN131146:LCO131156 LMJ131146:LMK131156 LWF131146:LWG131156 MGB131146:MGC131156 MPX131146:MPY131156 MZT131146:MZU131156 NJP131146:NJQ131156 NTL131146:NTM131156 ODH131146:ODI131156 OND131146:ONE131156 OWZ131146:OXA131156 PGV131146:PGW131156 PQR131146:PQS131156 QAN131146:QAO131156 QKJ131146:QKK131156 QUF131146:QUG131156 REB131146:REC131156 RNX131146:RNY131156 RXT131146:RXU131156 SHP131146:SHQ131156 SRL131146:SRM131156 TBH131146:TBI131156 TLD131146:TLE131156 TUZ131146:TVA131156 UEV131146:UEW131156 UOR131146:UOS131156 UYN131146:UYO131156 VIJ131146:VIK131156 VSF131146:VSG131156 WCB131146:WCC131156 WLX131146:WLY131156 WVT131146:WVU131156 L196681:M196691 JH196682:JI196692 TD196682:TE196692 ACZ196682:ADA196692 AMV196682:AMW196692 AWR196682:AWS196692 BGN196682:BGO196692 BQJ196682:BQK196692 CAF196682:CAG196692 CKB196682:CKC196692 CTX196682:CTY196692 DDT196682:DDU196692 DNP196682:DNQ196692 DXL196682:DXM196692 EHH196682:EHI196692 ERD196682:ERE196692 FAZ196682:FBA196692 FKV196682:FKW196692 FUR196682:FUS196692 GEN196682:GEO196692 GOJ196682:GOK196692 GYF196682:GYG196692 HIB196682:HIC196692 HRX196682:HRY196692 IBT196682:IBU196692 ILP196682:ILQ196692 IVL196682:IVM196692 JFH196682:JFI196692 JPD196682:JPE196692 JYZ196682:JZA196692 KIV196682:KIW196692 KSR196682:KSS196692 LCN196682:LCO196692 LMJ196682:LMK196692 LWF196682:LWG196692 MGB196682:MGC196692 MPX196682:MPY196692 MZT196682:MZU196692 NJP196682:NJQ196692 NTL196682:NTM196692 ODH196682:ODI196692 OND196682:ONE196692 OWZ196682:OXA196692 PGV196682:PGW196692 PQR196682:PQS196692 QAN196682:QAO196692 QKJ196682:QKK196692 QUF196682:QUG196692 REB196682:REC196692 RNX196682:RNY196692 RXT196682:RXU196692 SHP196682:SHQ196692 SRL196682:SRM196692 TBH196682:TBI196692 TLD196682:TLE196692 TUZ196682:TVA196692 UEV196682:UEW196692 UOR196682:UOS196692 UYN196682:UYO196692 VIJ196682:VIK196692 VSF196682:VSG196692 WCB196682:WCC196692 WLX196682:WLY196692 WVT196682:WVU196692 L262217:M262227 JH262218:JI262228 TD262218:TE262228 ACZ262218:ADA262228 AMV262218:AMW262228 AWR262218:AWS262228 BGN262218:BGO262228 BQJ262218:BQK262228 CAF262218:CAG262228 CKB262218:CKC262228 CTX262218:CTY262228 DDT262218:DDU262228 DNP262218:DNQ262228 DXL262218:DXM262228 EHH262218:EHI262228 ERD262218:ERE262228 FAZ262218:FBA262228 FKV262218:FKW262228 FUR262218:FUS262228 GEN262218:GEO262228 GOJ262218:GOK262228 GYF262218:GYG262228 HIB262218:HIC262228 HRX262218:HRY262228 IBT262218:IBU262228 ILP262218:ILQ262228 IVL262218:IVM262228 JFH262218:JFI262228 JPD262218:JPE262228 JYZ262218:JZA262228 KIV262218:KIW262228 KSR262218:KSS262228 LCN262218:LCO262228 LMJ262218:LMK262228 LWF262218:LWG262228 MGB262218:MGC262228 MPX262218:MPY262228 MZT262218:MZU262228 NJP262218:NJQ262228 NTL262218:NTM262228 ODH262218:ODI262228 OND262218:ONE262228 OWZ262218:OXA262228 PGV262218:PGW262228 PQR262218:PQS262228 QAN262218:QAO262228 QKJ262218:QKK262228 QUF262218:QUG262228 REB262218:REC262228 RNX262218:RNY262228 RXT262218:RXU262228 SHP262218:SHQ262228 SRL262218:SRM262228 TBH262218:TBI262228 TLD262218:TLE262228 TUZ262218:TVA262228 UEV262218:UEW262228 UOR262218:UOS262228 UYN262218:UYO262228 VIJ262218:VIK262228 VSF262218:VSG262228 WCB262218:WCC262228 WLX262218:WLY262228 WVT262218:WVU262228 L327753:M327763 JH327754:JI327764 TD327754:TE327764 ACZ327754:ADA327764 AMV327754:AMW327764 AWR327754:AWS327764 BGN327754:BGO327764 BQJ327754:BQK327764 CAF327754:CAG327764 CKB327754:CKC327764 CTX327754:CTY327764 DDT327754:DDU327764 DNP327754:DNQ327764 DXL327754:DXM327764 EHH327754:EHI327764 ERD327754:ERE327764 FAZ327754:FBA327764 FKV327754:FKW327764 FUR327754:FUS327764 GEN327754:GEO327764 GOJ327754:GOK327764 GYF327754:GYG327764 HIB327754:HIC327764 HRX327754:HRY327764 IBT327754:IBU327764 ILP327754:ILQ327764 IVL327754:IVM327764 JFH327754:JFI327764 JPD327754:JPE327764 JYZ327754:JZA327764 KIV327754:KIW327764 KSR327754:KSS327764 LCN327754:LCO327764 LMJ327754:LMK327764 LWF327754:LWG327764 MGB327754:MGC327764 MPX327754:MPY327764 MZT327754:MZU327764 NJP327754:NJQ327764 NTL327754:NTM327764 ODH327754:ODI327764 OND327754:ONE327764 OWZ327754:OXA327764 PGV327754:PGW327764 PQR327754:PQS327764 QAN327754:QAO327764 QKJ327754:QKK327764 QUF327754:QUG327764 REB327754:REC327764 RNX327754:RNY327764 RXT327754:RXU327764 SHP327754:SHQ327764 SRL327754:SRM327764 TBH327754:TBI327764 TLD327754:TLE327764 TUZ327754:TVA327764 UEV327754:UEW327764 UOR327754:UOS327764 UYN327754:UYO327764 VIJ327754:VIK327764 VSF327754:VSG327764 WCB327754:WCC327764 WLX327754:WLY327764 WVT327754:WVU327764 L393289:M393299 JH393290:JI393300 TD393290:TE393300 ACZ393290:ADA393300 AMV393290:AMW393300 AWR393290:AWS393300 BGN393290:BGO393300 BQJ393290:BQK393300 CAF393290:CAG393300 CKB393290:CKC393300 CTX393290:CTY393300 DDT393290:DDU393300 DNP393290:DNQ393300 DXL393290:DXM393300 EHH393290:EHI393300 ERD393290:ERE393300 FAZ393290:FBA393300 FKV393290:FKW393300 FUR393290:FUS393300 GEN393290:GEO393300 GOJ393290:GOK393300 GYF393290:GYG393300 HIB393290:HIC393300 HRX393290:HRY393300 IBT393290:IBU393300 ILP393290:ILQ393300 IVL393290:IVM393300 JFH393290:JFI393300 JPD393290:JPE393300 JYZ393290:JZA393300 KIV393290:KIW393300 KSR393290:KSS393300 LCN393290:LCO393300 LMJ393290:LMK393300 LWF393290:LWG393300 MGB393290:MGC393300 MPX393290:MPY393300 MZT393290:MZU393300 NJP393290:NJQ393300 NTL393290:NTM393300 ODH393290:ODI393300 OND393290:ONE393300 OWZ393290:OXA393300 PGV393290:PGW393300 PQR393290:PQS393300 QAN393290:QAO393300 QKJ393290:QKK393300 QUF393290:QUG393300 REB393290:REC393300 RNX393290:RNY393300 RXT393290:RXU393300 SHP393290:SHQ393300 SRL393290:SRM393300 TBH393290:TBI393300 TLD393290:TLE393300 TUZ393290:TVA393300 UEV393290:UEW393300 UOR393290:UOS393300 UYN393290:UYO393300 VIJ393290:VIK393300 VSF393290:VSG393300 WCB393290:WCC393300 WLX393290:WLY393300 WVT393290:WVU393300 L458825:M458835 JH458826:JI458836 TD458826:TE458836 ACZ458826:ADA458836 AMV458826:AMW458836 AWR458826:AWS458836 BGN458826:BGO458836 BQJ458826:BQK458836 CAF458826:CAG458836 CKB458826:CKC458836 CTX458826:CTY458836 DDT458826:DDU458836 DNP458826:DNQ458836 DXL458826:DXM458836 EHH458826:EHI458836 ERD458826:ERE458836 FAZ458826:FBA458836 FKV458826:FKW458836 FUR458826:FUS458836 GEN458826:GEO458836 GOJ458826:GOK458836 GYF458826:GYG458836 HIB458826:HIC458836 HRX458826:HRY458836 IBT458826:IBU458836 ILP458826:ILQ458836 IVL458826:IVM458836 JFH458826:JFI458836 JPD458826:JPE458836 JYZ458826:JZA458836 KIV458826:KIW458836 KSR458826:KSS458836 LCN458826:LCO458836 LMJ458826:LMK458836 LWF458826:LWG458836 MGB458826:MGC458836 MPX458826:MPY458836 MZT458826:MZU458836 NJP458826:NJQ458836 NTL458826:NTM458836 ODH458826:ODI458836 OND458826:ONE458836 OWZ458826:OXA458836 PGV458826:PGW458836 PQR458826:PQS458836 QAN458826:QAO458836 QKJ458826:QKK458836 QUF458826:QUG458836 REB458826:REC458836 RNX458826:RNY458836 RXT458826:RXU458836 SHP458826:SHQ458836 SRL458826:SRM458836 TBH458826:TBI458836 TLD458826:TLE458836 TUZ458826:TVA458836 UEV458826:UEW458836 UOR458826:UOS458836 UYN458826:UYO458836 VIJ458826:VIK458836 VSF458826:VSG458836 WCB458826:WCC458836 WLX458826:WLY458836 WVT458826:WVU458836 L524361:M524371 JH524362:JI524372 TD524362:TE524372 ACZ524362:ADA524372 AMV524362:AMW524372 AWR524362:AWS524372 BGN524362:BGO524372 BQJ524362:BQK524372 CAF524362:CAG524372 CKB524362:CKC524372 CTX524362:CTY524372 DDT524362:DDU524372 DNP524362:DNQ524372 DXL524362:DXM524372 EHH524362:EHI524372 ERD524362:ERE524372 FAZ524362:FBA524372 FKV524362:FKW524372 FUR524362:FUS524372 GEN524362:GEO524372 GOJ524362:GOK524372 GYF524362:GYG524372 HIB524362:HIC524372 HRX524362:HRY524372 IBT524362:IBU524372 ILP524362:ILQ524372 IVL524362:IVM524372 JFH524362:JFI524372 JPD524362:JPE524372 JYZ524362:JZA524372 KIV524362:KIW524372 KSR524362:KSS524372 LCN524362:LCO524372 LMJ524362:LMK524372 LWF524362:LWG524372 MGB524362:MGC524372 MPX524362:MPY524372 MZT524362:MZU524372 NJP524362:NJQ524372 NTL524362:NTM524372 ODH524362:ODI524372 OND524362:ONE524372 OWZ524362:OXA524372 PGV524362:PGW524372 PQR524362:PQS524372 QAN524362:QAO524372 QKJ524362:QKK524372 QUF524362:QUG524372 REB524362:REC524372 RNX524362:RNY524372 RXT524362:RXU524372 SHP524362:SHQ524372 SRL524362:SRM524372 TBH524362:TBI524372 TLD524362:TLE524372 TUZ524362:TVA524372 UEV524362:UEW524372 UOR524362:UOS524372 UYN524362:UYO524372 VIJ524362:VIK524372 VSF524362:VSG524372 WCB524362:WCC524372 WLX524362:WLY524372 WVT524362:WVU524372 L589897:M589907 JH589898:JI589908 TD589898:TE589908 ACZ589898:ADA589908 AMV589898:AMW589908 AWR589898:AWS589908 BGN589898:BGO589908 BQJ589898:BQK589908 CAF589898:CAG589908 CKB589898:CKC589908 CTX589898:CTY589908 DDT589898:DDU589908 DNP589898:DNQ589908 DXL589898:DXM589908 EHH589898:EHI589908 ERD589898:ERE589908 FAZ589898:FBA589908 FKV589898:FKW589908 FUR589898:FUS589908 GEN589898:GEO589908 GOJ589898:GOK589908 GYF589898:GYG589908 HIB589898:HIC589908 HRX589898:HRY589908 IBT589898:IBU589908 ILP589898:ILQ589908 IVL589898:IVM589908 JFH589898:JFI589908 JPD589898:JPE589908 JYZ589898:JZA589908 KIV589898:KIW589908 KSR589898:KSS589908 LCN589898:LCO589908 LMJ589898:LMK589908 LWF589898:LWG589908 MGB589898:MGC589908 MPX589898:MPY589908 MZT589898:MZU589908 NJP589898:NJQ589908 NTL589898:NTM589908 ODH589898:ODI589908 OND589898:ONE589908 OWZ589898:OXA589908 PGV589898:PGW589908 PQR589898:PQS589908 QAN589898:QAO589908 QKJ589898:QKK589908 QUF589898:QUG589908 REB589898:REC589908 RNX589898:RNY589908 RXT589898:RXU589908 SHP589898:SHQ589908 SRL589898:SRM589908 TBH589898:TBI589908 TLD589898:TLE589908 TUZ589898:TVA589908 UEV589898:UEW589908 UOR589898:UOS589908 UYN589898:UYO589908 VIJ589898:VIK589908 VSF589898:VSG589908 WCB589898:WCC589908 WLX589898:WLY589908 WVT589898:WVU589908 L655433:M655443 JH655434:JI655444 TD655434:TE655444 ACZ655434:ADA655444 AMV655434:AMW655444 AWR655434:AWS655444 BGN655434:BGO655444 BQJ655434:BQK655444 CAF655434:CAG655444 CKB655434:CKC655444 CTX655434:CTY655444 DDT655434:DDU655444 DNP655434:DNQ655444 DXL655434:DXM655444 EHH655434:EHI655444 ERD655434:ERE655444 FAZ655434:FBA655444 FKV655434:FKW655444 FUR655434:FUS655444 GEN655434:GEO655444 GOJ655434:GOK655444 GYF655434:GYG655444 HIB655434:HIC655444 HRX655434:HRY655444 IBT655434:IBU655444 ILP655434:ILQ655444 IVL655434:IVM655444 JFH655434:JFI655444 JPD655434:JPE655444 JYZ655434:JZA655444 KIV655434:KIW655444 KSR655434:KSS655444 LCN655434:LCO655444 LMJ655434:LMK655444 LWF655434:LWG655444 MGB655434:MGC655444 MPX655434:MPY655444 MZT655434:MZU655444 NJP655434:NJQ655444 NTL655434:NTM655444 ODH655434:ODI655444 OND655434:ONE655444 OWZ655434:OXA655444 PGV655434:PGW655444 PQR655434:PQS655444 QAN655434:QAO655444 QKJ655434:QKK655444 QUF655434:QUG655444 REB655434:REC655444 RNX655434:RNY655444 RXT655434:RXU655444 SHP655434:SHQ655444 SRL655434:SRM655444 TBH655434:TBI655444 TLD655434:TLE655444 TUZ655434:TVA655444 UEV655434:UEW655444 UOR655434:UOS655444 UYN655434:UYO655444 VIJ655434:VIK655444 VSF655434:VSG655444 WCB655434:WCC655444 WLX655434:WLY655444 WVT655434:WVU655444 L720969:M720979 JH720970:JI720980 TD720970:TE720980 ACZ720970:ADA720980 AMV720970:AMW720980 AWR720970:AWS720980 BGN720970:BGO720980 BQJ720970:BQK720980 CAF720970:CAG720980 CKB720970:CKC720980 CTX720970:CTY720980 DDT720970:DDU720980 DNP720970:DNQ720980 DXL720970:DXM720980 EHH720970:EHI720980 ERD720970:ERE720980 FAZ720970:FBA720980 FKV720970:FKW720980 FUR720970:FUS720980 GEN720970:GEO720980 GOJ720970:GOK720980 GYF720970:GYG720980 HIB720970:HIC720980 HRX720970:HRY720980 IBT720970:IBU720980 ILP720970:ILQ720980 IVL720970:IVM720980 JFH720970:JFI720980 JPD720970:JPE720980 JYZ720970:JZA720980 KIV720970:KIW720980 KSR720970:KSS720980 LCN720970:LCO720980 LMJ720970:LMK720980 LWF720970:LWG720980 MGB720970:MGC720980 MPX720970:MPY720980 MZT720970:MZU720980 NJP720970:NJQ720980 NTL720970:NTM720980 ODH720970:ODI720980 OND720970:ONE720980 OWZ720970:OXA720980 PGV720970:PGW720980 PQR720970:PQS720980 QAN720970:QAO720980 QKJ720970:QKK720980 QUF720970:QUG720980 REB720970:REC720980 RNX720970:RNY720980 RXT720970:RXU720980 SHP720970:SHQ720980 SRL720970:SRM720980 TBH720970:TBI720980 TLD720970:TLE720980 TUZ720970:TVA720980 UEV720970:UEW720980 UOR720970:UOS720980 UYN720970:UYO720980 VIJ720970:VIK720980 VSF720970:VSG720980 WCB720970:WCC720980 WLX720970:WLY720980 WVT720970:WVU720980 L786505:M786515 JH786506:JI786516 TD786506:TE786516 ACZ786506:ADA786516 AMV786506:AMW786516 AWR786506:AWS786516 BGN786506:BGO786516 BQJ786506:BQK786516 CAF786506:CAG786516 CKB786506:CKC786516 CTX786506:CTY786516 DDT786506:DDU786516 DNP786506:DNQ786516 DXL786506:DXM786516 EHH786506:EHI786516 ERD786506:ERE786516 FAZ786506:FBA786516 FKV786506:FKW786516 FUR786506:FUS786516 GEN786506:GEO786516 GOJ786506:GOK786516 GYF786506:GYG786516 HIB786506:HIC786516 HRX786506:HRY786516 IBT786506:IBU786516 ILP786506:ILQ786516 IVL786506:IVM786516 JFH786506:JFI786516 JPD786506:JPE786516 JYZ786506:JZA786516 KIV786506:KIW786516 KSR786506:KSS786516 LCN786506:LCO786516 LMJ786506:LMK786516 LWF786506:LWG786516 MGB786506:MGC786516 MPX786506:MPY786516 MZT786506:MZU786516 NJP786506:NJQ786516 NTL786506:NTM786516 ODH786506:ODI786516 OND786506:ONE786516 OWZ786506:OXA786516 PGV786506:PGW786516 PQR786506:PQS786516 QAN786506:QAO786516 QKJ786506:QKK786516 QUF786506:QUG786516 REB786506:REC786516 RNX786506:RNY786516 RXT786506:RXU786516 SHP786506:SHQ786516 SRL786506:SRM786516 TBH786506:TBI786516 TLD786506:TLE786516 TUZ786506:TVA786516 UEV786506:UEW786516 UOR786506:UOS786516 UYN786506:UYO786516 VIJ786506:VIK786516 VSF786506:VSG786516 WCB786506:WCC786516 WLX786506:WLY786516 WVT786506:WVU786516 L852041:M852051 JH852042:JI852052 TD852042:TE852052 ACZ852042:ADA852052 AMV852042:AMW852052 AWR852042:AWS852052 BGN852042:BGO852052 BQJ852042:BQK852052 CAF852042:CAG852052 CKB852042:CKC852052 CTX852042:CTY852052 DDT852042:DDU852052 DNP852042:DNQ852052 DXL852042:DXM852052 EHH852042:EHI852052 ERD852042:ERE852052 FAZ852042:FBA852052 FKV852042:FKW852052 FUR852042:FUS852052 GEN852042:GEO852052 GOJ852042:GOK852052 GYF852042:GYG852052 HIB852042:HIC852052 HRX852042:HRY852052 IBT852042:IBU852052 ILP852042:ILQ852052 IVL852042:IVM852052 JFH852042:JFI852052 JPD852042:JPE852052 JYZ852042:JZA852052 KIV852042:KIW852052 KSR852042:KSS852052 LCN852042:LCO852052 LMJ852042:LMK852052 LWF852042:LWG852052 MGB852042:MGC852052 MPX852042:MPY852052 MZT852042:MZU852052 NJP852042:NJQ852052 NTL852042:NTM852052 ODH852042:ODI852052 OND852042:ONE852052 OWZ852042:OXA852052 PGV852042:PGW852052 PQR852042:PQS852052 QAN852042:QAO852052 QKJ852042:QKK852052 QUF852042:QUG852052 REB852042:REC852052 RNX852042:RNY852052 RXT852042:RXU852052 SHP852042:SHQ852052 SRL852042:SRM852052 TBH852042:TBI852052 TLD852042:TLE852052 TUZ852042:TVA852052 UEV852042:UEW852052 UOR852042:UOS852052 UYN852042:UYO852052 VIJ852042:VIK852052 VSF852042:VSG852052 WCB852042:WCC852052 WLX852042:WLY852052 WVT852042:WVU852052 L917577:M917587 JH917578:JI917588 TD917578:TE917588 ACZ917578:ADA917588 AMV917578:AMW917588 AWR917578:AWS917588 BGN917578:BGO917588 BQJ917578:BQK917588 CAF917578:CAG917588 CKB917578:CKC917588 CTX917578:CTY917588 DDT917578:DDU917588 DNP917578:DNQ917588 DXL917578:DXM917588 EHH917578:EHI917588 ERD917578:ERE917588 FAZ917578:FBA917588 FKV917578:FKW917588 FUR917578:FUS917588 GEN917578:GEO917588 GOJ917578:GOK917588 GYF917578:GYG917588 HIB917578:HIC917588 HRX917578:HRY917588 IBT917578:IBU917588 ILP917578:ILQ917588 IVL917578:IVM917588 JFH917578:JFI917588 JPD917578:JPE917588 JYZ917578:JZA917588 KIV917578:KIW917588 KSR917578:KSS917588 LCN917578:LCO917588 LMJ917578:LMK917588 LWF917578:LWG917588 MGB917578:MGC917588 MPX917578:MPY917588 MZT917578:MZU917588 NJP917578:NJQ917588 NTL917578:NTM917588 ODH917578:ODI917588 OND917578:ONE917588 OWZ917578:OXA917588 PGV917578:PGW917588 PQR917578:PQS917588 QAN917578:QAO917588 QKJ917578:QKK917588 QUF917578:QUG917588 REB917578:REC917588 RNX917578:RNY917588 RXT917578:RXU917588 SHP917578:SHQ917588 SRL917578:SRM917588 TBH917578:TBI917588 TLD917578:TLE917588 TUZ917578:TVA917588 UEV917578:UEW917588 UOR917578:UOS917588 UYN917578:UYO917588 VIJ917578:VIK917588 VSF917578:VSG917588 WCB917578:WCC917588 WLX917578:WLY917588 WVT917578:WVU917588 L983113:M983123 JH983114:JI983124 TD983114:TE983124 ACZ983114:ADA983124 AMV983114:AMW983124 AWR983114:AWS983124 BGN983114:BGO983124 BQJ983114:BQK983124 CAF983114:CAG983124 CKB983114:CKC983124 CTX983114:CTY983124 DDT983114:DDU983124 DNP983114:DNQ983124 DXL983114:DXM983124 EHH983114:EHI983124 ERD983114:ERE983124 FAZ983114:FBA983124 FKV983114:FKW983124 FUR983114:FUS983124 GEN983114:GEO983124 GOJ983114:GOK983124 GYF983114:GYG983124 HIB983114:HIC983124 HRX983114:HRY983124 IBT983114:IBU983124 ILP983114:ILQ983124 IVL983114:IVM983124 JFH983114:JFI983124 JPD983114:JPE983124 JYZ983114:JZA983124 KIV983114:KIW983124 KSR983114:KSS983124 LCN983114:LCO983124 LMJ983114:LMK983124 LWF983114:LWG983124 MGB983114:MGC983124 MPX983114:MPY983124 MZT983114:MZU983124 NJP983114:NJQ983124 NTL983114:NTM983124 ODH983114:ODI983124 OND983114:ONE983124 OWZ983114:OXA983124 PGV983114:PGW983124 PQR983114:PQS983124 QAN983114:QAO983124 QKJ983114:QKK983124 QUF983114:QUG983124 REB983114:REC983124 RNX983114:RNY983124 RXT983114:RXU983124 SHP983114:SHQ983124 SRL983114:SRM983124 TBH983114:TBI983124 TLD983114:TLE983124 TUZ983114:TVA983124 UEV983114:UEW983124 UOR983114:UOS983124 UYN983114:UYO983124 VIJ983114:VIK983124 VSF983114:VSG983124 WCB983114:WCC983124 WLX983114:WLY983124 WVT983114:WVU983124 JH65610:JI65620 JH61:JI61 WVT61:WVU61 TD61:TE61 L58 ACZ67:ADA80 ACZ59:ADA59 TD59:TE59 JH59:JI59 WVT59:WVU59 WLX59:WLY59 WCB59:WCC59 VSF59:VSG59 VIJ59:VIK59 UYN59:UYO59 UOR59:UOS59 UEV59:UEW59 TUZ59:TVA59 TLD59:TLE59 TBH59:TBI59 SRL59:SRM59 SHP59:SHQ59 RXT59:RXU59 RNX59:RNY59 REB59:REC59 QUF59:QUG59 QKJ59:QKK59 QAN59:QAO59 PQR59:PQS59 PGV59:PGW59 OWZ59:OXA59 OND59:ONE59 ODH59:ODI59 NTL59:NTM59 NJP59:NJQ59 MZT59:MZU59 MPX59:MPY59 MGB59:MGC59 LWF59:LWG59 LMJ59:LMK59 LCN59:LCO59 KSR59:KSS59 KIV59:KIW59 JYZ59:JZA59 JPD59:JPE59 JFH59:JFI59 IVL59:IVM59 ILP59:ILQ59 IBT59:IBU59 HRX59:HRY59 HIB59:HIC59 GYF59:GYG59 GOJ59:GOK59 GEN59:GEO59 FUR59:FUS59 FKV59:FKW59 FAZ59:FBA59 ERD59:ERE59 EHH59:EHI59 DXL59:DXM59 DNP59:DNQ59 DDT59:DDU59 CTX59:CTY59 CKB59:CKC59 CAF59:CAG59 BQJ59:BQK59 BGN59:BGO59 AWR59:AWS59 AMV59:AMW59 AMV67:AMW80 AWR67:AWS80 BGN67:BGO80 BQJ67:BQK80 CAF67:CAG80 CKB67:CKC80 CTX67:CTY80 DDT67:DDU80 DNP67:DNQ80 DXL67:DXM80 EHH67:EHI80 ERD67:ERE80 FAZ67:FBA80 FKV67:FKW80 FUR67:FUS80 GEN67:GEO80 GOJ67:GOK80 GYF67:GYG80 HIB67:HIC80 HRX67:HRY80 IBT67:IBU80 ILP67:ILQ80 IVL67:IVM80 JFH67:JFI80 JPD67:JPE80 JYZ67:JZA80 KIV67:KIW80 KSR67:KSS80 LCN67:LCO80 LMJ67:LMK80 LWF67:LWG80 MGB67:MGC80 MPX67:MPY80 MZT67:MZU80 NJP67:NJQ80 NTL67:NTM80 ODH67:ODI80 OND67:ONE80 OWZ67:OXA80 PGV67:PGW80 PQR67:PQS80 QAN67:QAO80 QKJ67:QKK80 QUF67:QUG80 REB67:REC80 RNX67:RNY80 RXT67:RXU80 SHP67:SHQ80 SRL67:SRM80 TBH67:TBI80 TLD67:TLE80 TUZ67:TVA80 UEV67:UEW80 UOR67:UOS80 UYN67:UYO80 VIJ67:VIK80 VSF67:VSG80 WCB67:WCC80 WLX67:WLY80 WVT67:WVU80 JH67:JI80 TD67:TE80 L60:M60 ACZ61:ADA61 AMV61:AMW61 AWR61:AWS61 BGN61:BGO61 BQJ61:BQK61 CAF61:CAG61 CKB61:CKC61 CTX61:CTY61 DDT61:DDU61 DNP61:DNQ61 DXL61:DXM61 EHH61:EHI61 ERD61:ERE61 FAZ61:FBA61 FKV61:FKW61 FUR61:FUS61 GEN61:GEO61 GOJ61:GOK61 GYF61:GYG61 HIB61:HIC61 HRX61:HRY61 IBT61:IBU61 ILP61:ILQ61 IVL61:IVM61 JFH61:JFI61 JPD61:JPE61 JYZ61:JZA61 KIV61:KIW61 KSR61:KSS61 LCN61:LCO61 LMJ61:LMK61 LWF61:LWG61 MGB61:MGC61 MPX61:MPY61 MZT61:MZU61 NJP61:NJQ61 NTL61:NTM61 ODH61:ODI61 OND61:ONE61 OWZ61:OXA61 PGV61:PGW61 PQR61:PQS61 QAN61:QAO61 QKJ61:QKK61 QUF61:QUG61 REB61:REC61 RNX61:RNY61 RXT61:RXU61 SHP61:SHQ61 SRL61:SRM61 TBH61:TBI61 TLD61:TLE61 TUZ61:TVA61 UEV61:UEW61 UOR61:UOS61 UYN61:UYO61 VIJ61:VIK61 VSF61:VSG61 WCB61:WCC61 WLX61:WLY61">
      <formula1>"基準を満たす(Applicable)／満たさない(Not Applicable),基準を満たす(Applicable),満たさない(Not Applicable)"</formula1>
    </dataValidation>
    <dataValidation type="list" allowBlank="1" showInputMessage="1" showErrorMessage="1" sqref="G65635:H65636 JC65636:JD65637 SY65636:SZ65637 ACU65636:ACV65637 AMQ65636:AMR65637 AWM65636:AWN65637 BGI65636:BGJ65637 BQE65636:BQF65637 CAA65636:CAB65637 CJW65636:CJX65637 CTS65636:CTT65637 DDO65636:DDP65637 DNK65636:DNL65637 DXG65636:DXH65637 EHC65636:EHD65637 EQY65636:EQZ65637 FAU65636:FAV65637 FKQ65636:FKR65637 FUM65636:FUN65637 GEI65636:GEJ65637 GOE65636:GOF65637 GYA65636:GYB65637 HHW65636:HHX65637 HRS65636:HRT65637 IBO65636:IBP65637 ILK65636:ILL65637 IVG65636:IVH65637 JFC65636:JFD65637 JOY65636:JOZ65637 JYU65636:JYV65637 KIQ65636:KIR65637 KSM65636:KSN65637 LCI65636:LCJ65637 LME65636:LMF65637 LWA65636:LWB65637 MFW65636:MFX65637 MPS65636:MPT65637 MZO65636:MZP65637 NJK65636:NJL65637 NTG65636:NTH65637 ODC65636:ODD65637 OMY65636:OMZ65637 OWU65636:OWV65637 PGQ65636:PGR65637 PQM65636:PQN65637 QAI65636:QAJ65637 QKE65636:QKF65637 QUA65636:QUB65637 RDW65636:RDX65637 RNS65636:RNT65637 RXO65636:RXP65637 SHK65636:SHL65637 SRG65636:SRH65637 TBC65636:TBD65637 TKY65636:TKZ65637 TUU65636:TUV65637 UEQ65636:UER65637 UOM65636:UON65637 UYI65636:UYJ65637 VIE65636:VIF65637 VSA65636:VSB65637 WBW65636:WBX65637 WLS65636:WLT65637 WVO65636:WVP65637 G131171:H131172 JC131172:JD131173 SY131172:SZ131173 ACU131172:ACV131173 AMQ131172:AMR131173 AWM131172:AWN131173 BGI131172:BGJ131173 BQE131172:BQF131173 CAA131172:CAB131173 CJW131172:CJX131173 CTS131172:CTT131173 DDO131172:DDP131173 DNK131172:DNL131173 DXG131172:DXH131173 EHC131172:EHD131173 EQY131172:EQZ131173 FAU131172:FAV131173 FKQ131172:FKR131173 FUM131172:FUN131173 GEI131172:GEJ131173 GOE131172:GOF131173 GYA131172:GYB131173 HHW131172:HHX131173 HRS131172:HRT131173 IBO131172:IBP131173 ILK131172:ILL131173 IVG131172:IVH131173 JFC131172:JFD131173 JOY131172:JOZ131173 JYU131172:JYV131173 KIQ131172:KIR131173 KSM131172:KSN131173 LCI131172:LCJ131173 LME131172:LMF131173 LWA131172:LWB131173 MFW131172:MFX131173 MPS131172:MPT131173 MZO131172:MZP131173 NJK131172:NJL131173 NTG131172:NTH131173 ODC131172:ODD131173 OMY131172:OMZ131173 OWU131172:OWV131173 PGQ131172:PGR131173 PQM131172:PQN131173 QAI131172:QAJ131173 QKE131172:QKF131173 QUA131172:QUB131173 RDW131172:RDX131173 RNS131172:RNT131173 RXO131172:RXP131173 SHK131172:SHL131173 SRG131172:SRH131173 TBC131172:TBD131173 TKY131172:TKZ131173 TUU131172:TUV131173 UEQ131172:UER131173 UOM131172:UON131173 UYI131172:UYJ131173 VIE131172:VIF131173 VSA131172:VSB131173 WBW131172:WBX131173 WLS131172:WLT131173 WVO131172:WVP131173 G196707:H196708 JC196708:JD196709 SY196708:SZ196709 ACU196708:ACV196709 AMQ196708:AMR196709 AWM196708:AWN196709 BGI196708:BGJ196709 BQE196708:BQF196709 CAA196708:CAB196709 CJW196708:CJX196709 CTS196708:CTT196709 DDO196708:DDP196709 DNK196708:DNL196709 DXG196708:DXH196709 EHC196708:EHD196709 EQY196708:EQZ196709 FAU196708:FAV196709 FKQ196708:FKR196709 FUM196708:FUN196709 GEI196708:GEJ196709 GOE196708:GOF196709 GYA196708:GYB196709 HHW196708:HHX196709 HRS196708:HRT196709 IBO196708:IBP196709 ILK196708:ILL196709 IVG196708:IVH196709 JFC196708:JFD196709 JOY196708:JOZ196709 JYU196708:JYV196709 KIQ196708:KIR196709 KSM196708:KSN196709 LCI196708:LCJ196709 LME196708:LMF196709 LWA196708:LWB196709 MFW196708:MFX196709 MPS196708:MPT196709 MZO196708:MZP196709 NJK196708:NJL196709 NTG196708:NTH196709 ODC196708:ODD196709 OMY196708:OMZ196709 OWU196708:OWV196709 PGQ196708:PGR196709 PQM196708:PQN196709 QAI196708:QAJ196709 QKE196708:QKF196709 QUA196708:QUB196709 RDW196708:RDX196709 RNS196708:RNT196709 RXO196708:RXP196709 SHK196708:SHL196709 SRG196708:SRH196709 TBC196708:TBD196709 TKY196708:TKZ196709 TUU196708:TUV196709 UEQ196708:UER196709 UOM196708:UON196709 UYI196708:UYJ196709 VIE196708:VIF196709 VSA196708:VSB196709 WBW196708:WBX196709 WLS196708:WLT196709 WVO196708:WVP196709 G262243:H262244 JC262244:JD262245 SY262244:SZ262245 ACU262244:ACV262245 AMQ262244:AMR262245 AWM262244:AWN262245 BGI262244:BGJ262245 BQE262244:BQF262245 CAA262244:CAB262245 CJW262244:CJX262245 CTS262244:CTT262245 DDO262244:DDP262245 DNK262244:DNL262245 DXG262244:DXH262245 EHC262244:EHD262245 EQY262244:EQZ262245 FAU262244:FAV262245 FKQ262244:FKR262245 FUM262244:FUN262245 GEI262244:GEJ262245 GOE262244:GOF262245 GYA262244:GYB262245 HHW262244:HHX262245 HRS262244:HRT262245 IBO262244:IBP262245 ILK262244:ILL262245 IVG262244:IVH262245 JFC262244:JFD262245 JOY262244:JOZ262245 JYU262244:JYV262245 KIQ262244:KIR262245 KSM262244:KSN262245 LCI262244:LCJ262245 LME262244:LMF262245 LWA262244:LWB262245 MFW262244:MFX262245 MPS262244:MPT262245 MZO262244:MZP262245 NJK262244:NJL262245 NTG262244:NTH262245 ODC262244:ODD262245 OMY262244:OMZ262245 OWU262244:OWV262245 PGQ262244:PGR262245 PQM262244:PQN262245 QAI262244:QAJ262245 QKE262244:QKF262245 QUA262244:QUB262245 RDW262244:RDX262245 RNS262244:RNT262245 RXO262244:RXP262245 SHK262244:SHL262245 SRG262244:SRH262245 TBC262244:TBD262245 TKY262244:TKZ262245 TUU262244:TUV262245 UEQ262244:UER262245 UOM262244:UON262245 UYI262244:UYJ262245 VIE262244:VIF262245 VSA262244:VSB262245 WBW262244:WBX262245 WLS262244:WLT262245 WVO262244:WVP262245 G327779:H327780 JC327780:JD327781 SY327780:SZ327781 ACU327780:ACV327781 AMQ327780:AMR327781 AWM327780:AWN327781 BGI327780:BGJ327781 BQE327780:BQF327781 CAA327780:CAB327781 CJW327780:CJX327781 CTS327780:CTT327781 DDO327780:DDP327781 DNK327780:DNL327781 DXG327780:DXH327781 EHC327780:EHD327781 EQY327780:EQZ327781 FAU327780:FAV327781 FKQ327780:FKR327781 FUM327780:FUN327781 GEI327780:GEJ327781 GOE327780:GOF327781 GYA327780:GYB327781 HHW327780:HHX327781 HRS327780:HRT327781 IBO327780:IBP327781 ILK327780:ILL327781 IVG327780:IVH327781 JFC327780:JFD327781 JOY327780:JOZ327781 JYU327780:JYV327781 KIQ327780:KIR327781 KSM327780:KSN327781 LCI327780:LCJ327781 LME327780:LMF327781 LWA327780:LWB327781 MFW327780:MFX327781 MPS327780:MPT327781 MZO327780:MZP327781 NJK327780:NJL327781 NTG327780:NTH327781 ODC327780:ODD327781 OMY327780:OMZ327781 OWU327780:OWV327781 PGQ327780:PGR327781 PQM327780:PQN327781 QAI327780:QAJ327781 QKE327780:QKF327781 QUA327780:QUB327781 RDW327780:RDX327781 RNS327780:RNT327781 RXO327780:RXP327781 SHK327780:SHL327781 SRG327780:SRH327781 TBC327780:TBD327781 TKY327780:TKZ327781 TUU327780:TUV327781 UEQ327780:UER327781 UOM327780:UON327781 UYI327780:UYJ327781 VIE327780:VIF327781 VSA327780:VSB327781 WBW327780:WBX327781 WLS327780:WLT327781 WVO327780:WVP327781 G393315:H393316 JC393316:JD393317 SY393316:SZ393317 ACU393316:ACV393317 AMQ393316:AMR393317 AWM393316:AWN393317 BGI393316:BGJ393317 BQE393316:BQF393317 CAA393316:CAB393317 CJW393316:CJX393317 CTS393316:CTT393317 DDO393316:DDP393317 DNK393316:DNL393317 DXG393316:DXH393317 EHC393316:EHD393317 EQY393316:EQZ393317 FAU393316:FAV393317 FKQ393316:FKR393317 FUM393316:FUN393317 GEI393316:GEJ393317 GOE393316:GOF393317 GYA393316:GYB393317 HHW393316:HHX393317 HRS393316:HRT393317 IBO393316:IBP393317 ILK393316:ILL393317 IVG393316:IVH393317 JFC393316:JFD393317 JOY393316:JOZ393317 JYU393316:JYV393317 KIQ393316:KIR393317 KSM393316:KSN393317 LCI393316:LCJ393317 LME393316:LMF393317 LWA393316:LWB393317 MFW393316:MFX393317 MPS393316:MPT393317 MZO393316:MZP393317 NJK393316:NJL393317 NTG393316:NTH393317 ODC393316:ODD393317 OMY393316:OMZ393317 OWU393316:OWV393317 PGQ393316:PGR393317 PQM393316:PQN393317 QAI393316:QAJ393317 QKE393316:QKF393317 QUA393316:QUB393317 RDW393316:RDX393317 RNS393316:RNT393317 RXO393316:RXP393317 SHK393316:SHL393317 SRG393316:SRH393317 TBC393316:TBD393317 TKY393316:TKZ393317 TUU393316:TUV393317 UEQ393316:UER393317 UOM393316:UON393317 UYI393316:UYJ393317 VIE393316:VIF393317 VSA393316:VSB393317 WBW393316:WBX393317 WLS393316:WLT393317 WVO393316:WVP393317 G458851:H458852 JC458852:JD458853 SY458852:SZ458853 ACU458852:ACV458853 AMQ458852:AMR458853 AWM458852:AWN458853 BGI458852:BGJ458853 BQE458852:BQF458853 CAA458852:CAB458853 CJW458852:CJX458853 CTS458852:CTT458853 DDO458852:DDP458853 DNK458852:DNL458853 DXG458852:DXH458853 EHC458852:EHD458853 EQY458852:EQZ458853 FAU458852:FAV458853 FKQ458852:FKR458853 FUM458852:FUN458853 GEI458852:GEJ458853 GOE458852:GOF458853 GYA458852:GYB458853 HHW458852:HHX458853 HRS458852:HRT458853 IBO458852:IBP458853 ILK458852:ILL458853 IVG458852:IVH458853 JFC458852:JFD458853 JOY458852:JOZ458853 JYU458852:JYV458853 KIQ458852:KIR458853 KSM458852:KSN458853 LCI458852:LCJ458853 LME458852:LMF458853 LWA458852:LWB458853 MFW458852:MFX458853 MPS458852:MPT458853 MZO458852:MZP458853 NJK458852:NJL458853 NTG458852:NTH458853 ODC458852:ODD458853 OMY458852:OMZ458853 OWU458852:OWV458853 PGQ458852:PGR458853 PQM458852:PQN458853 QAI458852:QAJ458853 QKE458852:QKF458853 QUA458852:QUB458853 RDW458852:RDX458853 RNS458852:RNT458853 RXO458852:RXP458853 SHK458852:SHL458853 SRG458852:SRH458853 TBC458852:TBD458853 TKY458852:TKZ458853 TUU458852:TUV458853 UEQ458852:UER458853 UOM458852:UON458853 UYI458852:UYJ458853 VIE458852:VIF458853 VSA458852:VSB458853 WBW458852:WBX458853 WLS458852:WLT458853 WVO458852:WVP458853 G524387:H524388 JC524388:JD524389 SY524388:SZ524389 ACU524388:ACV524389 AMQ524388:AMR524389 AWM524388:AWN524389 BGI524388:BGJ524389 BQE524388:BQF524389 CAA524388:CAB524389 CJW524388:CJX524389 CTS524388:CTT524389 DDO524388:DDP524389 DNK524388:DNL524389 DXG524388:DXH524389 EHC524388:EHD524389 EQY524388:EQZ524389 FAU524388:FAV524389 FKQ524388:FKR524389 FUM524388:FUN524389 GEI524388:GEJ524389 GOE524388:GOF524389 GYA524388:GYB524389 HHW524388:HHX524389 HRS524388:HRT524389 IBO524388:IBP524389 ILK524388:ILL524389 IVG524388:IVH524389 JFC524388:JFD524389 JOY524388:JOZ524389 JYU524388:JYV524389 KIQ524388:KIR524389 KSM524388:KSN524389 LCI524388:LCJ524389 LME524388:LMF524389 LWA524388:LWB524389 MFW524388:MFX524389 MPS524388:MPT524389 MZO524388:MZP524389 NJK524388:NJL524389 NTG524388:NTH524389 ODC524388:ODD524389 OMY524388:OMZ524389 OWU524388:OWV524389 PGQ524388:PGR524389 PQM524388:PQN524389 QAI524388:QAJ524389 QKE524388:QKF524389 QUA524388:QUB524389 RDW524388:RDX524389 RNS524388:RNT524389 RXO524388:RXP524389 SHK524388:SHL524389 SRG524388:SRH524389 TBC524388:TBD524389 TKY524388:TKZ524389 TUU524388:TUV524389 UEQ524388:UER524389 UOM524388:UON524389 UYI524388:UYJ524389 VIE524388:VIF524389 VSA524388:VSB524389 WBW524388:WBX524389 WLS524388:WLT524389 WVO524388:WVP524389 G589923:H589924 JC589924:JD589925 SY589924:SZ589925 ACU589924:ACV589925 AMQ589924:AMR589925 AWM589924:AWN589925 BGI589924:BGJ589925 BQE589924:BQF589925 CAA589924:CAB589925 CJW589924:CJX589925 CTS589924:CTT589925 DDO589924:DDP589925 DNK589924:DNL589925 DXG589924:DXH589925 EHC589924:EHD589925 EQY589924:EQZ589925 FAU589924:FAV589925 FKQ589924:FKR589925 FUM589924:FUN589925 GEI589924:GEJ589925 GOE589924:GOF589925 GYA589924:GYB589925 HHW589924:HHX589925 HRS589924:HRT589925 IBO589924:IBP589925 ILK589924:ILL589925 IVG589924:IVH589925 JFC589924:JFD589925 JOY589924:JOZ589925 JYU589924:JYV589925 KIQ589924:KIR589925 KSM589924:KSN589925 LCI589924:LCJ589925 LME589924:LMF589925 LWA589924:LWB589925 MFW589924:MFX589925 MPS589924:MPT589925 MZO589924:MZP589925 NJK589924:NJL589925 NTG589924:NTH589925 ODC589924:ODD589925 OMY589924:OMZ589925 OWU589924:OWV589925 PGQ589924:PGR589925 PQM589924:PQN589925 QAI589924:QAJ589925 QKE589924:QKF589925 QUA589924:QUB589925 RDW589924:RDX589925 RNS589924:RNT589925 RXO589924:RXP589925 SHK589924:SHL589925 SRG589924:SRH589925 TBC589924:TBD589925 TKY589924:TKZ589925 TUU589924:TUV589925 UEQ589924:UER589925 UOM589924:UON589925 UYI589924:UYJ589925 VIE589924:VIF589925 VSA589924:VSB589925 WBW589924:WBX589925 WLS589924:WLT589925 WVO589924:WVP589925 G655459:H655460 JC655460:JD655461 SY655460:SZ655461 ACU655460:ACV655461 AMQ655460:AMR655461 AWM655460:AWN655461 BGI655460:BGJ655461 BQE655460:BQF655461 CAA655460:CAB655461 CJW655460:CJX655461 CTS655460:CTT655461 DDO655460:DDP655461 DNK655460:DNL655461 DXG655460:DXH655461 EHC655460:EHD655461 EQY655460:EQZ655461 FAU655460:FAV655461 FKQ655460:FKR655461 FUM655460:FUN655461 GEI655460:GEJ655461 GOE655460:GOF655461 GYA655460:GYB655461 HHW655460:HHX655461 HRS655460:HRT655461 IBO655460:IBP655461 ILK655460:ILL655461 IVG655460:IVH655461 JFC655460:JFD655461 JOY655460:JOZ655461 JYU655460:JYV655461 KIQ655460:KIR655461 KSM655460:KSN655461 LCI655460:LCJ655461 LME655460:LMF655461 LWA655460:LWB655461 MFW655460:MFX655461 MPS655460:MPT655461 MZO655460:MZP655461 NJK655460:NJL655461 NTG655460:NTH655461 ODC655460:ODD655461 OMY655460:OMZ655461 OWU655460:OWV655461 PGQ655460:PGR655461 PQM655460:PQN655461 QAI655460:QAJ655461 QKE655460:QKF655461 QUA655460:QUB655461 RDW655460:RDX655461 RNS655460:RNT655461 RXO655460:RXP655461 SHK655460:SHL655461 SRG655460:SRH655461 TBC655460:TBD655461 TKY655460:TKZ655461 TUU655460:TUV655461 UEQ655460:UER655461 UOM655460:UON655461 UYI655460:UYJ655461 VIE655460:VIF655461 VSA655460:VSB655461 WBW655460:WBX655461 WLS655460:WLT655461 WVO655460:WVP655461 G720995:H720996 JC720996:JD720997 SY720996:SZ720997 ACU720996:ACV720997 AMQ720996:AMR720997 AWM720996:AWN720997 BGI720996:BGJ720997 BQE720996:BQF720997 CAA720996:CAB720997 CJW720996:CJX720997 CTS720996:CTT720997 DDO720996:DDP720997 DNK720996:DNL720997 DXG720996:DXH720997 EHC720996:EHD720997 EQY720996:EQZ720997 FAU720996:FAV720997 FKQ720996:FKR720997 FUM720996:FUN720997 GEI720996:GEJ720997 GOE720996:GOF720997 GYA720996:GYB720997 HHW720996:HHX720997 HRS720996:HRT720997 IBO720996:IBP720997 ILK720996:ILL720997 IVG720996:IVH720997 JFC720996:JFD720997 JOY720996:JOZ720997 JYU720996:JYV720997 KIQ720996:KIR720997 KSM720996:KSN720997 LCI720996:LCJ720997 LME720996:LMF720997 LWA720996:LWB720997 MFW720996:MFX720997 MPS720996:MPT720997 MZO720996:MZP720997 NJK720996:NJL720997 NTG720996:NTH720997 ODC720996:ODD720997 OMY720996:OMZ720997 OWU720996:OWV720997 PGQ720996:PGR720997 PQM720996:PQN720997 QAI720996:QAJ720997 QKE720996:QKF720997 QUA720996:QUB720997 RDW720996:RDX720997 RNS720996:RNT720997 RXO720996:RXP720997 SHK720996:SHL720997 SRG720996:SRH720997 TBC720996:TBD720997 TKY720996:TKZ720997 TUU720996:TUV720997 UEQ720996:UER720997 UOM720996:UON720997 UYI720996:UYJ720997 VIE720996:VIF720997 VSA720996:VSB720997 WBW720996:WBX720997 WLS720996:WLT720997 WVO720996:WVP720997 G786531:H786532 JC786532:JD786533 SY786532:SZ786533 ACU786532:ACV786533 AMQ786532:AMR786533 AWM786532:AWN786533 BGI786532:BGJ786533 BQE786532:BQF786533 CAA786532:CAB786533 CJW786532:CJX786533 CTS786532:CTT786533 DDO786532:DDP786533 DNK786532:DNL786533 DXG786532:DXH786533 EHC786532:EHD786533 EQY786532:EQZ786533 FAU786532:FAV786533 FKQ786532:FKR786533 FUM786532:FUN786533 GEI786532:GEJ786533 GOE786532:GOF786533 GYA786532:GYB786533 HHW786532:HHX786533 HRS786532:HRT786533 IBO786532:IBP786533 ILK786532:ILL786533 IVG786532:IVH786533 JFC786532:JFD786533 JOY786532:JOZ786533 JYU786532:JYV786533 KIQ786532:KIR786533 KSM786532:KSN786533 LCI786532:LCJ786533 LME786532:LMF786533 LWA786532:LWB786533 MFW786532:MFX786533 MPS786532:MPT786533 MZO786532:MZP786533 NJK786532:NJL786533 NTG786532:NTH786533 ODC786532:ODD786533 OMY786532:OMZ786533 OWU786532:OWV786533 PGQ786532:PGR786533 PQM786532:PQN786533 QAI786532:QAJ786533 QKE786532:QKF786533 QUA786532:QUB786533 RDW786532:RDX786533 RNS786532:RNT786533 RXO786532:RXP786533 SHK786532:SHL786533 SRG786532:SRH786533 TBC786532:TBD786533 TKY786532:TKZ786533 TUU786532:TUV786533 UEQ786532:UER786533 UOM786532:UON786533 UYI786532:UYJ786533 VIE786532:VIF786533 VSA786532:VSB786533 WBW786532:WBX786533 WLS786532:WLT786533 WVO786532:WVP786533 G852067:H852068 JC852068:JD852069 SY852068:SZ852069 ACU852068:ACV852069 AMQ852068:AMR852069 AWM852068:AWN852069 BGI852068:BGJ852069 BQE852068:BQF852069 CAA852068:CAB852069 CJW852068:CJX852069 CTS852068:CTT852069 DDO852068:DDP852069 DNK852068:DNL852069 DXG852068:DXH852069 EHC852068:EHD852069 EQY852068:EQZ852069 FAU852068:FAV852069 FKQ852068:FKR852069 FUM852068:FUN852069 GEI852068:GEJ852069 GOE852068:GOF852069 GYA852068:GYB852069 HHW852068:HHX852069 HRS852068:HRT852069 IBO852068:IBP852069 ILK852068:ILL852069 IVG852068:IVH852069 JFC852068:JFD852069 JOY852068:JOZ852069 JYU852068:JYV852069 KIQ852068:KIR852069 KSM852068:KSN852069 LCI852068:LCJ852069 LME852068:LMF852069 LWA852068:LWB852069 MFW852068:MFX852069 MPS852068:MPT852069 MZO852068:MZP852069 NJK852068:NJL852069 NTG852068:NTH852069 ODC852068:ODD852069 OMY852068:OMZ852069 OWU852068:OWV852069 PGQ852068:PGR852069 PQM852068:PQN852069 QAI852068:QAJ852069 QKE852068:QKF852069 QUA852068:QUB852069 RDW852068:RDX852069 RNS852068:RNT852069 RXO852068:RXP852069 SHK852068:SHL852069 SRG852068:SRH852069 TBC852068:TBD852069 TKY852068:TKZ852069 TUU852068:TUV852069 UEQ852068:UER852069 UOM852068:UON852069 UYI852068:UYJ852069 VIE852068:VIF852069 VSA852068:VSB852069 WBW852068:WBX852069 WLS852068:WLT852069 WVO852068:WVP852069 G917603:H917604 JC917604:JD917605 SY917604:SZ917605 ACU917604:ACV917605 AMQ917604:AMR917605 AWM917604:AWN917605 BGI917604:BGJ917605 BQE917604:BQF917605 CAA917604:CAB917605 CJW917604:CJX917605 CTS917604:CTT917605 DDO917604:DDP917605 DNK917604:DNL917605 DXG917604:DXH917605 EHC917604:EHD917605 EQY917604:EQZ917605 FAU917604:FAV917605 FKQ917604:FKR917605 FUM917604:FUN917605 GEI917604:GEJ917605 GOE917604:GOF917605 GYA917604:GYB917605 HHW917604:HHX917605 HRS917604:HRT917605 IBO917604:IBP917605 ILK917604:ILL917605 IVG917604:IVH917605 JFC917604:JFD917605 JOY917604:JOZ917605 JYU917604:JYV917605 KIQ917604:KIR917605 KSM917604:KSN917605 LCI917604:LCJ917605 LME917604:LMF917605 LWA917604:LWB917605 MFW917604:MFX917605 MPS917604:MPT917605 MZO917604:MZP917605 NJK917604:NJL917605 NTG917604:NTH917605 ODC917604:ODD917605 OMY917604:OMZ917605 OWU917604:OWV917605 PGQ917604:PGR917605 PQM917604:PQN917605 QAI917604:QAJ917605 QKE917604:QKF917605 QUA917604:QUB917605 RDW917604:RDX917605 RNS917604:RNT917605 RXO917604:RXP917605 SHK917604:SHL917605 SRG917604:SRH917605 TBC917604:TBD917605 TKY917604:TKZ917605 TUU917604:TUV917605 UEQ917604:UER917605 UOM917604:UON917605 UYI917604:UYJ917605 VIE917604:VIF917605 VSA917604:VSB917605 WBW917604:WBX917605 WLS917604:WLT917605 WVO917604:WVP917605 G983139:H983140 JC983140:JD983141 SY983140:SZ983141 ACU983140:ACV983141 AMQ983140:AMR983141 AWM983140:AWN983141 BGI983140:BGJ983141 BQE983140:BQF983141 CAA983140:CAB983141 CJW983140:CJX983141 CTS983140:CTT983141 DDO983140:DDP983141 DNK983140:DNL983141 DXG983140:DXH983141 EHC983140:EHD983141 EQY983140:EQZ983141 FAU983140:FAV983141 FKQ983140:FKR983141 FUM983140:FUN983141 GEI983140:GEJ983141 GOE983140:GOF983141 GYA983140:GYB983141 HHW983140:HHX983141 HRS983140:HRT983141 IBO983140:IBP983141 ILK983140:ILL983141 IVG983140:IVH983141 JFC983140:JFD983141 JOY983140:JOZ983141 JYU983140:JYV983141 KIQ983140:KIR983141 KSM983140:KSN983141 LCI983140:LCJ983141 LME983140:LMF983141 LWA983140:LWB983141 MFW983140:MFX983141 MPS983140:MPT983141 MZO983140:MZP983141 NJK983140:NJL983141 NTG983140:NTH983141 ODC983140:ODD983141 OMY983140:OMZ983141 OWU983140:OWV983141 PGQ983140:PGR983141 PQM983140:PQN983141 QAI983140:QAJ983141 QKE983140:QKF983141 QUA983140:QUB983141 RDW983140:RDX983141 RNS983140:RNT983141 RXO983140:RXP983141 SHK983140:SHL983141 SRG983140:SRH983141 TBC983140:TBD983141 TKY983140:TKZ983141 TUU983140:TUV983141 UEQ983140:UER983141 UOM983140:UON983141 UYI983140:UYJ983141 VIE983140:VIF983141 VSA983140:VSB983141 WBW983140:WBX983141 WLS983140:WLT983141 WVO983140:WVP983141 WVO114:WVP115 WLS114:WLT115 WBW114:WBX115 VSA114:VSB115 VIE114:VIF115 UYI114:UYJ115 UOM114:UON115 UEQ114:UER115 TUU114:TUV115 TKY114:TKZ115 TBC114:TBD115 SRG114:SRH115 SHK114:SHL115 RXO114:RXP115 RNS114:RNT115 RDW114:RDX115 QUA114:QUB115 QKE114:QKF115 QAI114:QAJ115 PQM114:PQN115 PGQ114:PGR115 OWU114:OWV115 OMY114:OMZ115 ODC114:ODD115 NTG114:NTH115 NJK114:NJL115 MZO114:MZP115 MPS114:MPT115 MFW114:MFX115 LWA114:LWB115 LME114:LMF115 LCI114:LCJ115 KSM114:KSN115 KIQ114:KIR115 JYU114:JYV115 JOY114:JOZ115 JFC114:JFD115 IVG114:IVH115 ILK114:ILL115 IBO114:IBP115 HRS114:HRT115 HHW114:HHX115 GYA114:GYB115 GOE114:GOF115 GEI114:GEJ115 FUM114:FUN115 FKQ114:FKR115 FAU114:FAV115 EQY114:EQZ115 EHC114:EHD115 DXG114:DXH115 DNK114:DNL115 DDO114:DDP115 CTS114:CTT115 CJW114:CJX115 CAA114:CAB115 BQE114:BQF115 BGI114:BGJ115 AWM114:AWN115 AMQ114:AMR115 ACU114:ACV115 SY114:SZ115 JC114:JD115 G113:H114">
      <formula1>"含有(Present)／非含有(Not present）,含有(Present),非含有(Not present）"</formula1>
    </dataValidation>
    <dataValidation type="list" allowBlank="1" showInputMessage="1" showErrorMessage="1" sqref="L65630:M65630 JH65631:JI65631 TD65631:TE65631 ACZ65631:ADA65631 AMV65631:AMW65631 AWR65631:AWS65631 BGN65631:BGO65631 BQJ65631:BQK65631 CAF65631:CAG65631 CKB65631:CKC65631 CTX65631:CTY65631 DDT65631:DDU65631 DNP65631:DNQ65631 DXL65631:DXM65631 EHH65631:EHI65631 ERD65631:ERE65631 FAZ65631:FBA65631 FKV65631:FKW65631 FUR65631:FUS65631 GEN65631:GEO65631 GOJ65631:GOK65631 GYF65631:GYG65631 HIB65631:HIC65631 HRX65631:HRY65631 IBT65631:IBU65631 ILP65631:ILQ65631 IVL65631:IVM65631 JFH65631:JFI65631 JPD65631:JPE65631 JYZ65631:JZA65631 KIV65631:KIW65631 KSR65631:KSS65631 LCN65631:LCO65631 LMJ65631:LMK65631 LWF65631:LWG65631 MGB65631:MGC65631 MPX65631:MPY65631 MZT65631:MZU65631 NJP65631:NJQ65631 NTL65631:NTM65631 ODH65631:ODI65631 OND65631:ONE65631 OWZ65631:OXA65631 PGV65631:PGW65631 PQR65631:PQS65631 QAN65631:QAO65631 QKJ65631:QKK65631 QUF65631:QUG65631 REB65631:REC65631 RNX65631:RNY65631 RXT65631:RXU65631 SHP65631:SHQ65631 SRL65631:SRM65631 TBH65631:TBI65631 TLD65631:TLE65631 TUZ65631:TVA65631 UEV65631:UEW65631 UOR65631:UOS65631 UYN65631:UYO65631 VIJ65631:VIK65631 VSF65631:VSG65631 WCB65631:WCC65631 WLX65631:WLY65631 WVT65631:WVU65631 L131166:M131166 JH131167:JI131167 TD131167:TE131167 ACZ131167:ADA131167 AMV131167:AMW131167 AWR131167:AWS131167 BGN131167:BGO131167 BQJ131167:BQK131167 CAF131167:CAG131167 CKB131167:CKC131167 CTX131167:CTY131167 DDT131167:DDU131167 DNP131167:DNQ131167 DXL131167:DXM131167 EHH131167:EHI131167 ERD131167:ERE131167 FAZ131167:FBA131167 FKV131167:FKW131167 FUR131167:FUS131167 GEN131167:GEO131167 GOJ131167:GOK131167 GYF131167:GYG131167 HIB131167:HIC131167 HRX131167:HRY131167 IBT131167:IBU131167 ILP131167:ILQ131167 IVL131167:IVM131167 JFH131167:JFI131167 JPD131167:JPE131167 JYZ131167:JZA131167 KIV131167:KIW131167 KSR131167:KSS131167 LCN131167:LCO131167 LMJ131167:LMK131167 LWF131167:LWG131167 MGB131167:MGC131167 MPX131167:MPY131167 MZT131167:MZU131167 NJP131167:NJQ131167 NTL131167:NTM131167 ODH131167:ODI131167 OND131167:ONE131167 OWZ131167:OXA131167 PGV131167:PGW131167 PQR131167:PQS131167 QAN131167:QAO131167 QKJ131167:QKK131167 QUF131167:QUG131167 REB131167:REC131167 RNX131167:RNY131167 RXT131167:RXU131167 SHP131167:SHQ131167 SRL131167:SRM131167 TBH131167:TBI131167 TLD131167:TLE131167 TUZ131167:TVA131167 UEV131167:UEW131167 UOR131167:UOS131167 UYN131167:UYO131167 VIJ131167:VIK131167 VSF131167:VSG131167 WCB131167:WCC131167 WLX131167:WLY131167 WVT131167:WVU131167 L196702:M196702 JH196703:JI196703 TD196703:TE196703 ACZ196703:ADA196703 AMV196703:AMW196703 AWR196703:AWS196703 BGN196703:BGO196703 BQJ196703:BQK196703 CAF196703:CAG196703 CKB196703:CKC196703 CTX196703:CTY196703 DDT196703:DDU196703 DNP196703:DNQ196703 DXL196703:DXM196703 EHH196703:EHI196703 ERD196703:ERE196703 FAZ196703:FBA196703 FKV196703:FKW196703 FUR196703:FUS196703 GEN196703:GEO196703 GOJ196703:GOK196703 GYF196703:GYG196703 HIB196703:HIC196703 HRX196703:HRY196703 IBT196703:IBU196703 ILP196703:ILQ196703 IVL196703:IVM196703 JFH196703:JFI196703 JPD196703:JPE196703 JYZ196703:JZA196703 KIV196703:KIW196703 KSR196703:KSS196703 LCN196703:LCO196703 LMJ196703:LMK196703 LWF196703:LWG196703 MGB196703:MGC196703 MPX196703:MPY196703 MZT196703:MZU196703 NJP196703:NJQ196703 NTL196703:NTM196703 ODH196703:ODI196703 OND196703:ONE196703 OWZ196703:OXA196703 PGV196703:PGW196703 PQR196703:PQS196703 QAN196703:QAO196703 QKJ196703:QKK196703 QUF196703:QUG196703 REB196703:REC196703 RNX196703:RNY196703 RXT196703:RXU196703 SHP196703:SHQ196703 SRL196703:SRM196703 TBH196703:TBI196703 TLD196703:TLE196703 TUZ196703:TVA196703 UEV196703:UEW196703 UOR196703:UOS196703 UYN196703:UYO196703 VIJ196703:VIK196703 VSF196703:VSG196703 WCB196703:WCC196703 WLX196703:WLY196703 WVT196703:WVU196703 L262238:M262238 JH262239:JI262239 TD262239:TE262239 ACZ262239:ADA262239 AMV262239:AMW262239 AWR262239:AWS262239 BGN262239:BGO262239 BQJ262239:BQK262239 CAF262239:CAG262239 CKB262239:CKC262239 CTX262239:CTY262239 DDT262239:DDU262239 DNP262239:DNQ262239 DXL262239:DXM262239 EHH262239:EHI262239 ERD262239:ERE262239 FAZ262239:FBA262239 FKV262239:FKW262239 FUR262239:FUS262239 GEN262239:GEO262239 GOJ262239:GOK262239 GYF262239:GYG262239 HIB262239:HIC262239 HRX262239:HRY262239 IBT262239:IBU262239 ILP262239:ILQ262239 IVL262239:IVM262239 JFH262239:JFI262239 JPD262239:JPE262239 JYZ262239:JZA262239 KIV262239:KIW262239 KSR262239:KSS262239 LCN262239:LCO262239 LMJ262239:LMK262239 LWF262239:LWG262239 MGB262239:MGC262239 MPX262239:MPY262239 MZT262239:MZU262239 NJP262239:NJQ262239 NTL262239:NTM262239 ODH262239:ODI262239 OND262239:ONE262239 OWZ262239:OXA262239 PGV262239:PGW262239 PQR262239:PQS262239 QAN262239:QAO262239 QKJ262239:QKK262239 QUF262239:QUG262239 REB262239:REC262239 RNX262239:RNY262239 RXT262239:RXU262239 SHP262239:SHQ262239 SRL262239:SRM262239 TBH262239:TBI262239 TLD262239:TLE262239 TUZ262239:TVA262239 UEV262239:UEW262239 UOR262239:UOS262239 UYN262239:UYO262239 VIJ262239:VIK262239 VSF262239:VSG262239 WCB262239:WCC262239 WLX262239:WLY262239 WVT262239:WVU262239 L327774:M327774 JH327775:JI327775 TD327775:TE327775 ACZ327775:ADA327775 AMV327775:AMW327775 AWR327775:AWS327775 BGN327775:BGO327775 BQJ327775:BQK327775 CAF327775:CAG327775 CKB327775:CKC327775 CTX327775:CTY327775 DDT327775:DDU327775 DNP327775:DNQ327775 DXL327775:DXM327775 EHH327775:EHI327775 ERD327775:ERE327775 FAZ327775:FBA327775 FKV327775:FKW327775 FUR327775:FUS327775 GEN327775:GEO327775 GOJ327775:GOK327775 GYF327775:GYG327775 HIB327775:HIC327775 HRX327775:HRY327775 IBT327775:IBU327775 ILP327775:ILQ327775 IVL327775:IVM327775 JFH327775:JFI327775 JPD327775:JPE327775 JYZ327775:JZA327775 KIV327775:KIW327775 KSR327775:KSS327775 LCN327775:LCO327775 LMJ327775:LMK327775 LWF327775:LWG327775 MGB327775:MGC327775 MPX327775:MPY327775 MZT327775:MZU327775 NJP327775:NJQ327775 NTL327775:NTM327775 ODH327775:ODI327775 OND327775:ONE327775 OWZ327775:OXA327775 PGV327775:PGW327775 PQR327775:PQS327775 QAN327775:QAO327775 QKJ327775:QKK327775 QUF327775:QUG327775 REB327775:REC327775 RNX327775:RNY327775 RXT327775:RXU327775 SHP327775:SHQ327775 SRL327775:SRM327775 TBH327775:TBI327775 TLD327775:TLE327775 TUZ327775:TVA327775 UEV327775:UEW327775 UOR327775:UOS327775 UYN327775:UYO327775 VIJ327775:VIK327775 VSF327775:VSG327775 WCB327775:WCC327775 WLX327775:WLY327775 WVT327775:WVU327775 L393310:M393310 JH393311:JI393311 TD393311:TE393311 ACZ393311:ADA393311 AMV393311:AMW393311 AWR393311:AWS393311 BGN393311:BGO393311 BQJ393311:BQK393311 CAF393311:CAG393311 CKB393311:CKC393311 CTX393311:CTY393311 DDT393311:DDU393311 DNP393311:DNQ393311 DXL393311:DXM393311 EHH393311:EHI393311 ERD393311:ERE393311 FAZ393311:FBA393311 FKV393311:FKW393311 FUR393311:FUS393311 GEN393311:GEO393311 GOJ393311:GOK393311 GYF393311:GYG393311 HIB393311:HIC393311 HRX393311:HRY393311 IBT393311:IBU393311 ILP393311:ILQ393311 IVL393311:IVM393311 JFH393311:JFI393311 JPD393311:JPE393311 JYZ393311:JZA393311 KIV393311:KIW393311 KSR393311:KSS393311 LCN393311:LCO393311 LMJ393311:LMK393311 LWF393311:LWG393311 MGB393311:MGC393311 MPX393311:MPY393311 MZT393311:MZU393311 NJP393311:NJQ393311 NTL393311:NTM393311 ODH393311:ODI393311 OND393311:ONE393311 OWZ393311:OXA393311 PGV393311:PGW393311 PQR393311:PQS393311 QAN393311:QAO393311 QKJ393311:QKK393311 QUF393311:QUG393311 REB393311:REC393311 RNX393311:RNY393311 RXT393311:RXU393311 SHP393311:SHQ393311 SRL393311:SRM393311 TBH393311:TBI393311 TLD393311:TLE393311 TUZ393311:TVA393311 UEV393311:UEW393311 UOR393311:UOS393311 UYN393311:UYO393311 VIJ393311:VIK393311 VSF393311:VSG393311 WCB393311:WCC393311 WLX393311:WLY393311 WVT393311:WVU393311 L458846:M458846 JH458847:JI458847 TD458847:TE458847 ACZ458847:ADA458847 AMV458847:AMW458847 AWR458847:AWS458847 BGN458847:BGO458847 BQJ458847:BQK458847 CAF458847:CAG458847 CKB458847:CKC458847 CTX458847:CTY458847 DDT458847:DDU458847 DNP458847:DNQ458847 DXL458847:DXM458847 EHH458847:EHI458847 ERD458847:ERE458847 FAZ458847:FBA458847 FKV458847:FKW458847 FUR458847:FUS458847 GEN458847:GEO458847 GOJ458847:GOK458847 GYF458847:GYG458847 HIB458847:HIC458847 HRX458847:HRY458847 IBT458847:IBU458847 ILP458847:ILQ458847 IVL458847:IVM458847 JFH458847:JFI458847 JPD458847:JPE458847 JYZ458847:JZA458847 KIV458847:KIW458847 KSR458847:KSS458847 LCN458847:LCO458847 LMJ458847:LMK458847 LWF458847:LWG458847 MGB458847:MGC458847 MPX458847:MPY458847 MZT458847:MZU458847 NJP458847:NJQ458847 NTL458847:NTM458847 ODH458847:ODI458847 OND458847:ONE458847 OWZ458847:OXA458847 PGV458847:PGW458847 PQR458847:PQS458847 QAN458847:QAO458847 QKJ458847:QKK458847 QUF458847:QUG458847 REB458847:REC458847 RNX458847:RNY458847 RXT458847:RXU458847 SHP458847:SHQ458847 SRL458847:SRM458847 TBH458847:TBI458847 TLD458847:TLE458847 TUZ458847:TVA458847 UEV458847:UEW458847 UOR458847:UOS458847 UYN458847:UYO458847 VIJ458847:VIK458847 VSF458847:VSG458847 WCB458847:WCC458847 WLX458847:WLY458847 WVT458847:WVU458847 L524382:M524382 JH524383:JI524383 TD524383:TE524383 ACZ524383:ADA524383 AMV524383:AMW524383 AWR524383:AWS524383 BGN524383:BGO524383 BQJ524383:BQK524383 CAF524383:CAG524383 CKB524383:CKC524383 CTX524383:CTY524383 DDT524383:DDU524383 DNP524383:DNQ524383 DXL524383:DXM524383 EHH524383:EHI524383 ERD524383:ERE524383 FAZ524383:FBA524383 FKV524383:FKW524383 FUR524383:FUS524383 GEN524383:GEO524383 GOJ524383:GOK524383 GYF524383:GYG524383 HIB524383:HIC524383 HRX524383:HRY524383 IBT524383:IBU524383 ILP524383:ILQ524383 IVL524383:IVM524383 JFH524383:JFI524383 JPD524383:JPE524383 JYZ524383:JZA524383 KIV524383:KIW524383 KSR524383:KSS524383 LCN524383:LCO524383 LMJ524383:LMK524383 LWF524383:LWG524383 MGB524383:MGC524383 MPX524383:MPY524383 MZT524383:MZU524383 NJP524383:NJQ524383 NTL524383:NTM524383 ODH524383:ODI524383 OND524383:ONE524383 OWZ524383:OXA524383 PGV524383:PGW524383 PQR524383:PQS524383 QAN524383:QAO524383 QKJ524383:QKK524383 QUF524383:QUG524383 REB524383:REC524383 RNX524383:RNY524383 RXT524383:RXU524383 SHP524383:SHQ524383 SRL524383:SRM524383 TBH524383:TBI524383 TLD524383:TLE524383 TUZ524383:TVA524383 UEV524383:UEW524383 UOR524383:UOS524383 UYN524383:UYO524383 VIJ524383:VIK524383 VSF524383:VSG524383 WCB524383:WCC524383 WLX524383:WLY524383 WVT524383:WVU524383 L589918:M589918 JH589919:JI589919 TD589919:TE589919 ACZ589919:ADA589919 AMV589919:AMW589919 AWR589919:AWS589919 BGN589919:BGO589919 BQJ589919:BQK589919 CAF589919:CAG589919 CKB589919:CKC589919 CTX589919:CTY589919 DDT589919:DDU589919 DNP589919:DNQ589919 DXL589919:DXM589919 EHH589919:EHI589919 ERD589919:ERE589919 FAZ589919:FBA589919 FKV589919:FKW589919 FUR589919:FUS589919 GEN589919:GEO589919 GOJ589919:GOK589919 GYF589919:GYG589919 HIB589919:HIC589919 HRX589919:HRY589919 IBT589919:IBU589919 ILP589919:ILQ589919 IVL589919:IVM589919 JFH589919:JFI589919 JPD589919:JPE589919 JYZ589919:JZA589919 KIV589919:KIW589919 KSR589919:KSS589919 LCN589919:LCO589919 LMJ589919:LMK589919 LWF589919:LWG589919 MGB589919:MGC589919 MPX589919:MPY589919 MZT589919:MZU589919 NJP589919:NJQ589919 NTL589919:NTM589919 ODH589919:ODI589919 OND589919:ONE589919 OWZ589919:OXA589919 PGV589919:PGW589919 PQR589919:PQS589919 QAN589919:QAO589919 QKJ589919:QKK589919 QUF589919:QUG589919 REB589919:REC589919 RNX589919:RNY589919 RXT589919:RXU589919 SHP589919:SHQ589919 SRL589919:SRM589919 TBH589919:TBI589919 TLD589919:TLE589919 TUZ589919:TVA589919 UEV589919:UEW589919 UOR589919:UOS589919 UYN589919:UYO589919 VIJ589919:VIK589919 VSF589919:VSG589919 WCB589919:WCC589919 WLX589919:WLY589919 WVT589919:WVU589919 L655454:M655454 JH655455:JI655455 TD655455:TE655455 ACZ655455:ADA655455 AMV655455:AMW655455 AWR655455:AWS655455 BGN655455:BGO655455 BQJ655455:BQK655455 CAF655455:CAG655455 CKB655455:CKC655455 CTX655455:CTY655455 DDT655455:DDU655455 DNP655455:DNQ655455 DXL655455:DXM655455 EHH655455:EHI655455 ERD655455:ERE655455 FAZ655455:FBA655455 FKV655455:FKW655455 FUR655455:FUS655455 GEN655455:GEO655455 GOJ655455:GOK655455 GYF655455:GYG655455 HIB655455:HIC655455 HRX655455:HRY655455 IBT655455:IBU655455 ILP655455:ILQ655455 IVL655455:IVM655455 JFH655455:JFI655455 JPD655455:JPE655455 JYZ655455:JZA655455 KIV655455:KIW655455 KSR655455:KSS655455 LCN655455:LCO655455 LMJ655455:LMK655455 LWF655455:LWG655455 MGB655455:MGC655455 MPX655455:MPY655455 MZT655455:MZU655455 NJP655455:NJQ655455 NTL655455:NTM655455 ODH655455:ODI655455 OND655455:ONE655455 OWZ655455:OXA655455 PGV655455:PGW655455 PQR655455:PQS655455 QAN655455:QAO655455 QKJ655455:QKK655455 QUF655455:QUG655455 REB655455:REC655455 RNX655455:RNY655455 RXT655455:RXU655455 SHP655455:SHQ655455 SRL655455:SRM655455 TBH655455:TBI655455 TLD655455:TLE655455 TUZ655455:TVA655455 UEV655455:UEW655455 UOR655455:UOS655455 UYN655455:UYO655455 VIJ655455:VIK655455 VSF655455:VSG655455 WCB655455:WCC655455 WLX655455:WLY655455 WVT655455:WVU655455 L720990:M720990 JH720991:JI720991 TD720991:TE720991 ACZ720991:ADA720991 AMV720991:AMW720991 AWR720991:AWS720991 BGN720991:BGO720991 BQJ720991:BQK720991 CAF720991:CAG720991 CKB720991:CKC720991 CTX720991:CTY720991 DDT720991:DDU720991 DNP720991:DNQ720991 DXL720991:DXM720991 EHH720991:EHI720991 ERD720991:ERE720991 FAZ720991:FBA720991 FKV720991:FKW720991 FUR720991:FUS720991 GEN720991:GEO720991 GOJ720991:GOK720991 GYF720991:GYG720991 HIB720991:HIC720991 HRX720991:HRY720991 IBT720991:IBU720991 ILP720991:ILQ720991 IVL720991:IVM720991 JFH720991:JFI720991 JPD720991:JPE720991 JYZ720991:JZA720991 KIV720991:KIW720991 KSR720991:KSS720991 LCN720991:LCO720991 LMJ720991:LMK720991 LWF720991:LWG720991 MGB720991:MGC720991 MPX720991:MPY720991 MZT720991:MZU720991 NJP720991:NJQ720991 NTL720991:NTM720991 ODH720991:ODI720991 OND720991:ONE720991 OWZ720991:OXA720991 PGV720991:PGW720991 PQR720991:PQS720991 QAN720991:QAO720991 QKJ720991:QKK720991 QUF720991:QUG720991 REB720991:REC720991 RNX720991:RNY720991 RXT720991:RXU720991 SHP720991:SHQ720991 SRL720991:SRM720991 TBH720991:TBI720991 TLD720991:TLE720991 TUZ720991:TVA720991 UEV720991:UEW720991 UOR720991:UOS720991 UYN720991:UYO720991 VIJ720991:VIK720991 VSF720991:VSG720991 WCB720991:WCC720991 WLX720991:WLY720991 WVT720991:WVU720991 L786526:M786526 JH786527:JI786527 TD786527:TE786527 ACZ786527:ADA786527 AMV786527:AMW786527 AWR786527:AWS786527 BGN786527:BGO786527 BQJ786527:BQK786527 CAF786527:CAG786527 CKB786527:CKC786527 CTX786527:CTY786527 DDT786527:DDU786527 DNP786527:DNQ786527 DXL786527:DXM786527 EHH786527:EHI786527 ERD786527:ERE786527 FAZ786527:FBA786527 FKV786527:FKW786527 FUR786527:FUS786527 GEN786527:GEO786527 GOJ786527:GOK786527 GYF786527:GYG786527 HIB786527:HIC786527 HRX786527:HRY786527 IBT786527:IBU786527 ILP786527:ILQ786527 IVL786527:IVM786527 JFH786527:JFI786527 JPD786527:JPE786527 JYZ786527:JZA786527 KIV786527:KIW786527 KSR786527:KSS786527 LCN786527:LCO786527 LMJ786527:LMK786527 LWF786527:LWG786527 MGB786527:MGC786527 MPX786527:MPY786527 MZT786527:MZU786527 NJP786527:NJQ786527 NTL786527:NTM786527 ODH786527:ODI786527 OND786527:ONE786527 OWZ786527:OXA786527 PGV786527:PGW786527 PQR786527:PQS786527 QAN786527:QAO786527 QKJ786527:QKK786527 QUF786527:QUG786527 REB786527:REC786527 RNX786527:RNY786527 RXT786527:RXU786527 SHP786527:SHQ786527 SRL786527:SRM786527 TBH786527:TBI786527 TLD786527:TLE786527 TUZ786527:TVA786527 UEV786527:UEW786527 UOR786527:UOS786527 UYN786527:UYO786527 VIJ786527:VIK786527 VSF786527:VSG786527 WCB786527:WCC786527 WLX786527:WLY786527 WVT786527:WVU786527 L852062:M852062 JH852063:JI852063 TD852063:TE852063 ACZ852063:ADA852063 AMV852063:AMW852063 AWR852063:AWS852063 BGN852063:BGO852063 BQJ852063:BQK852063 CAF852063:CAG852063 CKB852063:CKC852063 CTX852063:CTY852063 DDT852063:DDU852063 DNP852063:DNQ852063 DXL852063:DXM852063 EHH852063:EHI852063 ERD852063:ERE852063 FAZ852063:FBA852063 FKV852063:FKW852063 FUR852063:FUS852063 GEN852063:GEO852063 GOJ852063:GOK852063 GYF852063:GYG852063 HIB852063:HIC852063 HRX852063:HRY852063 IBT852063:IBU852063 ILP852063:ILQ852063 IVL852063:IVM852063 JFH852063:JFI852063 JPD852063:JPE852063 JYZ852063:JZA852063 KIV852063:KIW852063 KSR852063:KSS852063 LCN852063:LCO852063 LMJ852063:LMK852063 LWF852063:LWG852063 MGB852063:MGC852063 MPX852063:MPY852063 MZT852063:MZU852063 NJP852063:NJQ852063 NTL852063:NTM852063 ODH852063:ODI852063 OND852063:ONE852063 OWZ852063:OXA852063 PGV852063:PGW852063 PQR852063:PQS852063 QAN852063:QAO852063 QKJ852063:QKK852063 QUF852063:QUG852063 REB852063:REC852063 RNX852063:RNY852063 RXT852063:RXU852063 SHP852063:SHQ852063 SRL852063:SRM852063 TBH852063:TBI852063 TLD852063:TLE852063 TUZ852063:TVA852063 UEV852063:UEW852063 UOR852063:UOS852063 UYN852063:UYO852063 VIJ852063:VIK852063 VSF852063:VSG852063 WCB852063:WCC852063 WLX852063:WLY852063 WVT852063:WVU852063 L917598:M917598 JH917599:JI917599 TD917599:TE917599 ACZ917599:ADA917599 AMV917599:AMW917599 AWR917599:AWS917599 BGN917599:BGO917599 BQJ917599:BQK917599 CAF917599:CAG917599 CKB917599:CKC917599 CTX917599:CTY917599 DDT917599:DDU917599 DNP917599:DNQ917599 DXL917599:DXM917599 EHH917599:EHI917599 ERD917599:ERE917599 FAZ917599:FBA917599 FKV917599:FKW917599 FUR917599:FUS917599 GEN917599:GEO917599 GOJ917599:GOK917599 GYF917599:GYG917599 HIB917599:HIC917599 HRX917599:HRY917599 IBT917599:IBU917599 ILP917599:ILQ917599 IVL917599:IVM917599 JFH917599:JFI917599 JPD917599:JPE917599 JYZ917599:JZA917599 KIV917599:KIW917599 KSR917599:KSS917599 LCN917599:LCO917599 LMJ917599:LMK917599 LWF917599:LWG917599 MGB917599:MGC917599 MPX917599:MPY917599 MZT917599:MZU917599 NJP917599:NJQ917599 NTL917599:NTM917599 ODH917599:ODI917599 OND917599:ONE917599 OWZ917599:OXA917599 PGV917599:PGW917599 PQR917599:PQS917599 QAN917599:QAO917599 QKJ917599:QKK917599 QUF917599:QUG917599 REB917599:REC917599 RNX917599:RNY917599 RXT917599:RXU917599 SHP917599:SHQ917599 SRL917599:SRM917599 TBH917599:TBI917599 TLD917599:TLE917599 TUZ917599:TVA917599 UEV917599:UEW917599 UOR917599:UOS917599 UYN917599:UYO917599 VIJ917599:VIK917599 VSF917599:VSG917599 WCB917599:WCC917599 WLX917599:WLY917599 WVT917599:WVU917599 L983134:M983134 JH983135:JI983135 TD983135:TE983135 ACZ983135:ADA983135 AMV983135:AMW983135 AWR983135:AWS983135 BGN983135:BGO983135 BQJ983135:BQK983135 CAF983135:CAG983135 CKB983135:CKC983135 CTX983135:CTY983135 DDT983135:DDU983135 DNP983135:DNQ983135 DXL983135:DXM983135 EHH983135:EHI983135 ERD983135:ERE983135 FAZ983135:FBA983135 FKV983135:FKW983135 FUR983135:FUS983135 GEN983135:GEO983135 GOJ983135:GOK983135 GYF983135:GYG983135 HIB983135:HIC983135 HRX983135:HRY983135 IBT983135:IBU983135 ILP983135:ILQ983135 IVL983135:IVM983135 JFH983135:JFI983135 JPD983135:JPE983135 JYZ983135:JZA983135 KIV983135:KIW983135 KSR983135:KSS983135 LCN983135:LCO983135 LMJ983135:LMK983135 LWF983135:LWG983135 MGB983135:MGC983135 MPX983135:MPY983135 MZT983135:MZU983135 NJP983135:NJQ983135 NTL983135:NTM983135 ODH983135:ODI983135 OND983135:ONE983135 OWZ983135:OXA983135 PGV983135:PGW983135 PQR983135:PQS983135 QAN983135:QAO983135 QKJ983135:QKK983135 QUF983135:QUG983135 REB983135:REC983135 RNX983135:RNY983135 RXT983135:RXU983135 SHP983135:SHQ983135 SRL983135:SRM983135 TBH983135:TBI983135 TLD983135:TLE983135 TUZ983135:TVA983135 UEV983135:UEW983135 UOR983135:UOS983135 UYN983135:UYO983135 VIJ983135:VIK983135 VSF983135:VSG983135 WCB983135:WCC983135 WLX983135:WLY983135 WVT983135:WVU983135 L65623:M65624 JH65624:JI65625 TD65624:TE65625 ACZ65624:ADA65625 AMV65624:AMW65625 AWR65624:AWS65625 BGN65624:BGO65625 BQJ65624:BQK65625 CAF65624:CAG65625 CKB65624:CKC65625 CTX65624:CTY65625 DDT65624:DDU65625 DNP65624:DNQ65625 DXL65624:DXM65625 EHH65624:EHI65625 ERD65624:ERE65625 FAZ65624:FBA65625 FKV65624:FKW65625 FUR65624:FUS65625 GEN65624:GEO65625 GOJ65624:GOK65625 GYF65624:GYG65625 HIB65624:HIC65625 HRX65624:HRY65625 IBT65624:IBU65625 ILP65624:ILQ65625 IVL65624:IVM65625 JFH65624:JFI65625 JPD65624:JPE65625 JYZ65624:JZA65625 KIV65624:KIW65625 KSR65624:KSS65625 LCN65624:LCO65625 LMJ65624:LMK65625 LWF65624:LWG65625 MGB65624:MGC65625 MPX65624:MPY65625 MZT65624:MZU65625 NJP65624:NJQ65625 NTL65624:NTM65625 ODH65624:ODI65625 OND65624:ONE65625 OWZ65624:OXA65625 PGV65624:PGW65625 PQR65624:PQS65625 QAN65624:QAO65625 QKJ65624:QKK65625 QUF65624:QUG65625 REB65624:REC65625 RNX65624:RNY65625 RXT65624:RXU65625 SHP65624:SHQ65625 SRL65624:SRM65625 TBH65624:TBI65625 TLD65624:TLE65625 TUZ65624:TVA65625 UEV65624:UEW65625 UOR65624:UOS65625 UYN65624:UYO65625 VIJ65624:VIK65625 VSF65624:VSG65625 WCB65624:WCC65625 WLX65624:WLY65625 WVT65624:WVU65625 L131159:M131160 JH131160:JI131161 TD131160:TE131161 ACZ131160:ADA131161 AMV131160:AMW131161 AWR131160:AWS131161 BGN131160:BGO131161 BQJ131160:BQK131161 CAF131160:CAG131161 CKB131160:CKC131161 CTX131160:CTY131161 DDT131160:DDU131161 DNP131160:DNQ131161 DXL131160:DXM131161 EHH131160:EHI131161 ERD131160:ERE131161 FAZ131160:FBA131161 FKV131160:FKW131161 FUR131160:FUS131161 GEN131160:GEO131161 GOJ131160:GOK131161 GYF131160:GYG131161 HIB131160:HIC131161 HRX131160:HRY131161 IBT131160:IBU131161 ILP131160:ILQ131161 IVL131160:IVM131161 JFH131160:JFI131161 JPD131160:JPE131161 JYZ131160:JZA131161 KIV131160:KIW131161 KSR131160:KSS131161 LCN131160:LCO131161 LMJ131160:LMK131161 LWF131160:LWG131161 MGB131160:MGC131161 MPX131160:MPY131161 MZT131160:MZU131161 NJP131160:NJQ131161 NTL131160:NTM131161 ODH131160:ODI131161 OND131160:ONE131161 OWZ131160:OXA131161 PGV131160:PGW131161 PQR131160:PQS131161 QAN131160:QAO131161 QKJ131160:QKK131161 QUF131160:QUG131161 REB131160:REC131161 RNX131160:RNY131161 RXT131160:RXU131161 SHP131160:SHQ131161 SRL131160:SRM131161 TBH131160:TBI131161 TLD131160:TLE131161 TUZ131160:TVA131161 UEV131160:UEW131161 UOR131160:UOS131161 UYN131160:UYO131161 VIJ131160:VIK131161 VSF131160:VSG131161 WCB131160:WCC131161 WLX131160:WLY131161 WVT131160:WVU131161 L196695:M196696 JH196696:JI196697 TD196696:TE196697 ACZ196696:ADA196697 AMV196696:AMW196697 AWR196696:AWS196697 BGN196696:BGO196697 BQJ196696:BQK196697 CAF196696:CAG196697 CKB196696:CKC196697 CTX196696:CTY196697 DDT196696:DDU196697 DNP196696:DNQ196697 DXL196696:DXM196697 EHH196696:EHI196697 ERD196696:ERE196697 FAZ196696:FBA196697 FKV196696:FKW196697 FUR196696:FUS196697 GEN196696:GEO196697 GOJ196696:GOK196697 GYF196696:GYG196697 HIB196696:HIC196697 HRX196696:HRY196697 IBT196696:IBU196697 ILP196696:ILQ196697 IVL196696:IVM196697 JFH196696:JFI196697 JPD196696:JPE196697 JYZ196696:JZA196697 KIV196696:KIW196697 KSR196696:KSS196697 LCN196696:LCO196697 LMJ196696:LMK196697 LWF196696:LWG196697 MGB196696:MGC196697 MPX196696:MPY196697 MZT196696:MZU196697 NJP196696:NJQ196697 NTL196696:NTM196697 ODH196696:ODI196697 OND196696:ONE196697 OWZ196696:OXA196697 PGV196696:PGW196697 PQR196696:PQS196697 QAN196696:QAO196697 QKJ196696:QKK196697 QUF196696:QUG196697 REB196696:REC196697 RNX196696:RNY196697 RXT196696:RXU196697 SHP196696:SHQ196697 SRL196696:SRM196697 TBH196696:TBI196697 TLD196696:TLE196697 TUZ196696:TVA196697 UEV196696:UEW196697 UOR196696:UOS196697 UYN196696:UYO196697 VIJ196696:VIK196697 VSF196696:VSG196697 WCB196696:WCC196697 WLX196696:WLY196697 WVT196696:WVU196697 L262231:M262232 JH262232:JI262233 TD262232:TE262233 ACZ262232:ADA262233 AMV262232:AMW262233 AWR262232:AWS262233 BGN262232:BGO262233 BQJ262232:BQK262233 CAF262232:CAG262233 CKB262232:CKC262233 CTX262232:CTY262233 DDT262232:DDU262233 DNP262232:DNQ262233 DXL262232:DXM262233 EHH262232:EHI262233 ERD262232:ERE262233 FAZ262232:FBA262233 FKV262232:FKW262233 FUR262232:FUS262233 GEN262232:GEO262233 GOJ262232:GOK262233 GYF262232:GYG262233 HIB262232:HIC262233 HRX262232:HRY262233 IBT262232:IBU262233 ILP262232:ILQ262233 IVL262232:IVM262233 JFH262232:JFI262233 JPD262232:JPE262233 JYZ262232:JZA262233 KIV262232:KIW262233 KSR262232:KSS262233 LCN262232:LCO262233 LMJ262232:LMK262233 LWF262232:LWG262233 MGB262232:MGC262233 MPX262232:MPY262233 MZT262232:MZU262233 NJP262232:NJQ262233 NTL262232:NTM262233 ODH262232:ODI262233 OND262232:ONE262233 OWZ262232:OXA262233 PGV262232:PGW262233 PQR262232:PQS262233 QAN262232:QAO262233 QKJ262232:QKK262233 QUF262232:QUG262233 REB262232:REC262233 RNX262232:RNY262233 RXT262232:RXU262233 SHP262232:SHQ262233 SRL262232:SRM262233 TBH262232:TBI262233 TLD262232:TLE262233 TUZ262232:TVA262233 UEV262232:UEW262233 UOR262232:UOS262233 UYN262232:UYO262233 VIJ262232:VIK262233 VSF262232:VSG262233 WCB262232:WCC262233 WLX262232:WLY262233 WVT262232:WVU262233 L327767:M327768 JH327768:JI327769 TD327768:TE327769 ACZ327768:ADA327769 AMV327768:AMW327769 AWR327768:AWS327769 BGN327768:BGO327769 BQJ327768:BQK327769 CAF327768:CAG327769 CKB327768:CKC327769 CTX327768:CTY327769 DDT327768:DDU327769 DNP327768:DNQ327769 DXL327768:DXM327769 EHH327768:EHI327769 ERD327768:ERE327769 FAZ327768:FBA327769 FKV327768:FKW327769 FUR327768:FUS327769 GEN327768:GEO327769 GOJ327768:GOK327769 GYF327768:GYG327769 HIB327768:HIC327769 HRX327768:HRY327769 IBT327768:IBU327769 ILP327768:ILQ327769 IVL327768:IVM327769 JFH327768:JFI327769 JPD327768:JPE327769 JYZ327768:JZA327769 KIV327768:KIW327769 KSR327768:KSS327769 LCN327768:LCO327769 LMJ327768:LMK327769 LWF327768:LWG327769 MGB327768:MGC327769 MPX327768:MPY327769 MZT327768:MZU327769 NJP327768:NJQ327769 NTL327768:NTM327769 ODH327768:ODI327769 OND327768:ONE327769 OWZ327768:OXA327769 PGV327768:PGW327769 PQR327768:PQS327769 QAN327768:QAO327769 QKJ327768:QKK327769 QUF327768:QUG327769 REB327768:REC327769 RNX327768:RNY327769 RXT327768:RXU327769 SHP327768:SHQ327769 SRL327768:SRM327769 TBH327768:TBI327769 TLD327768:TLE327769 TUZ327768:TVA327769 UEV327768:UEW327769 UOR327768:UOS327769 UYN327768:UYO327769 VIJ327768:VIK327769 VSF327768:VSG327769 WCB327768:WCC327769 WLX327768:WLY327769 WVT327768:WVU327769 L393303:M393304 JH393304:JI393305 TD393304:TE393305 ACZ393304:ADA393305 AMV393304:AMW393305 AWR393304:AWS393305 BGN393304:BGO393305 BQJ393304:BQK393305 CAF393304:CAG393305 CKB393304:CKC393305 CTX393304:CTY393305 DDT393304:DDU393305 DNP393304:DNQ393305 DXL393304:DXM393305 EHH393304:EHI393305 ERD393304:ERE393305 FAZ393304:FBA393305 FKV393304:FKW393305 FUR393304:FUS393305 GEN393304:GEO393305 GOJ393304:GOK393305 GYF393304:GYG393305 HIB393304:HIC393305 HRX393304:HRY393305 IBT393304:IBU393305 ILP393304:ILQ393305 IVL393304:IVM393305 JFH393304:JFI393305 JPD393304:JPE393305 JYZ393304:JZA393305 KIV393304:KIW393305 KSR393304:KSS393305 LCN393304:LCO393305 LMJ393304:LMK393305 LWF393304:LWG393305 MGB393304:MGC393305 MPX393304:MPY393305 MZT393304:MZU393305 NJP393304:NJQ393305 NTL393304:NTM393305 ODH393304:ODI393305 OND393304:ONE393305 OWZ393304:OXA393305 PGV393304:PGW393305 PQR393304:PQS393305 QAN393304:QAO393305 QKJ393304:QKK393305 QUF393304:QUG393305 REB393304:REC393305 RNX393304:RNY393305 RXT393304:RXU393305 SHP393304:SHQ393305 SRL393304:SRM393305 TBH393304:TBI393305 TLD393304:TLE393305 TUZ393304:TVA393305 UEV393304:UEW393305 UOR393304:UOS393305 UYN393304:UYO393305 VIJ393304:VIK393305 VSF393304:VSG393305 WCB393304:WCC393305 WLX393304:WLY393305 WVT393304:WVU393305 L458839:M458840 JH458840:JI458841 TD458840:TE458841 ACZ458840:ADA458841 AMV458840:AMW458841 AWR458840:AWS458841 BGN458840:BGO458841 BQJ458840:BQK458841 CAF458840:CAG458841 CKB458840:CKC458841 CTX458840:CTY458841 DDT458840:DDU458841 DNP458840:DNQ458841 DXL458840:DXM458841 EHH458840:EHI458841 ERD458840:ERE458841 FAZ458840:FBA458841 FKV458840:FKW458841 FUR458840:FUS458841 GEN458840:GEO458841 GOJ458840:GOK458841 GYF458840:GYG458841 HIB458840:HIC458841 HRX458840:HRY458841 IBT458840:IBU458841 ILP458840:ILQ458841 IVL458840:IVM458841 JFH458840:JFI458841 JPD458840:JPE458841 JYZ458840:JZA458841 KIV458840:KIW458841 KSR458840:KSS458841 LCN458840:LCO458841 LMJ458840:LMK458841 LWF458840:LWG458841 MGB458840:MGC458841 MPX458840:MPY458841 MZT458840:MZU458841 NJP458840:NJQ458841 NTL458840:NTM458841 ODH458840:ODI458841 OND458840:ONE458841 OWZ458840:OXA458841 PGV458840:PGW458841 PQR458840:PQS458841 QAN458840:QAO458841 QKJ458840:QKK458841 QUF458840:QUG458841 REB458840:REC458841 RNX458840:RNY458841 RXT458840:RXU458841 SHP458840:SHQ458841 SRL458840:SRM458841 TBH458840:TBI458841 TLD458840:TLE458841 TUZ458840:TVA458841 UEV458840:UEW458841 UOR458840:UOS458841 UYN458840:UYO458841 VIJ458840:VIK458841 VSF458840:VSG458841 WCB458840:WCC458841 WLX458840:WLY458841 WVT458840:WVU458841 L524375:M524376 JH524376:JI524377 TD524376:TE524377 ACZ524376:ADA524377 AMV524376:AMW524377 AWR524376:AWS524377 BGN524376:BGO524377 BQJ524376:BQK524377 CAF524376:CAG524377 CKB524376:CKC524377 CTX524376:CTY524377 DDT524376:DDU524377 DNP524376:DNQ524377 DXL524376:DXM524377 EHH524376:EHI524377 ERD524376:ERE524377 FAZ524376:FBA524377 FKV524376:FKW524377 FUR524376:FUS524377 GEN524376:GEO524377 GOJ524376:GOK524377 GYF524376:GYG524377 HIB524376:HIC524377 HRX524376:HRY524377 IBT524376:IBU524377 ILP524376:ILQ524377 IVL524376:IVM524377 JFH524376:JFI524377 JPD524376:JPE524377 JYZ524376:JZA524377 KIV524376:KIW524377 KSR524376:KSS524377 LCN524376:LCO524377 LMJ524376:LMK524377 LWF524376:LWG524377 MGB524376:MGC524377 MPX524376:MPY524377 MZT524376:MZU524377 NJP524376:NJQ524377 NTL524376:NTM524377 ODH524376:ODI524377 OND524376:ONE524377 OWZ524376:OXA524377 PGV524376:PGW524377 PQR524376:PQS524377 QAN524376:QAO524377 QKJ524376:QKK524377 QUF524376:QUG524377 REB524376:REC524377 RNX524376:RNY524377 RXT524376:RXU524377 SHP524376:SHQ524377 SRL524376:SRM524377 TBH524376:TBI524377 TLD524376:TLE524377 TUZ524376:TVA524377 UEV524376:UEW524377 UOR524376:UOS524377 UYN524376:UYO524377 VIJ524376:VIK524377 VSF524376:VSG524377 WCB524376:WCC524377 WLX524376:WLY524377 WVT524376:WVU524377 L589911:M589912 JH589912:JI589913 TD589912:TE589913 ACZ589912:ADA589913 AMV589912:AMW589913 AWR589912:AWS589913 BGN589912:BGO589913 BQJ589912:BQK589913 CAF589912:CAG589913 CKB589912:CKC589913 CTX589912:CTY589913 DDT589912:DDU589913 DNP589912:DNQ589913 DXL589912:DXM589913 EHH589912:EHI589913 ERD589912:ERE589913 FAZ589912:FBA589913 FKV589912:FKW589913 FUR589912:FUS589913 GEN589912:GEO589913 GOJ589912:GOK589913 GYF589912:GYG589913 HIB589912:HIC589913 HRX589912:HRY589913 IBT589912:IBU589913 ILP589912:ILQ589913 IVL589912:IVM589913 JFH589912:JFI589913 JPD589912:JPE589913 JYZ589912:JZA589913 KIV589912:KIW589913 KSR589912:KSS589913 LCN589912:LCO589913 LMJ589912:LMK589913 LWF589912:LWG589913 MGB589912:MGC589913 MPX589912:MPY589913 MZT589912:MZU589913 NJP589912:NJQ589913 NTL589912:NTM589913 ODH589912:ODI589913 OND589912:ONE589913 OWZ589912:OXA589913 PGV589912:PGW589913 PQR589912:PQS589913 QAN589912:QAO589913 QKJ589912:QKK589913 QUF589912:QUG589913 REB589912:REC589913 RNX589912:RNY589913 RXT589912:RXU589913 SHP589912:SHQ589913 SRL589912:SRM589913 TBH589912:TBI589913 TLD589912:TLE589913 TUZ589912:TVA589913 UEV589912:UEW589913 UOR589912:UOS589913 UYN589912:UYO589913 VIJ589912:VIK589913 VSF589912:VSG589913 WCB589912:WCC589913 WLX589912:WLY589913 WVT589912:WVU589913 L655447:M655448 JH655448:JI655449 TD655448:TE655449 ACZ655448:ADA655449 AMV655448:AMW655449 AWR655448:AWS655449 BGN655448:BGO655449 BQJ655448:BQK655449 CAF655448:CAG655449 CKB655448:CKC655449 CTX655448:CTY655449 DDT655448:DDU655449 DNP655448:DNQ655449 DXL655448:DXM655449 EHH655448:EHI655449 ERD655448:ERE655449 FAZ655448:FBA655449 FKV655448:FKW655449 FUR655448:FUS655449 GEN655448:GEO655449 GOJ655448:GOK655449 GYF655448:GYG655449 HIB655448:HIC655449 HRX655448:HRY655449 IBT655448:IBU655449 ILP655448:ILQ655449 IVL655448:IVM655449 JFH655448:JFI655449 JPD655448:JPE655449 JYZ655448:JZA655449 KIV655448:KIW655449 KSR655448:KSS655449 LCN655448:LCO655449 LMJ655448:LMK655449 LWF655448:LWG655449 MGB655448:MGC655449 MPX655448:MPY655449 MZT655448:MZU655449 NJP655448:NJQ655449 NTL655448:NTM655449 ODH655448:ODI655449 OND655448:ONE655449 OWZ655448:OXA655449 PGV655448:PGW655449 PQR655448:PQS655449 QAN655448:QAO655449 QKJ655448:QKK655449 QUF655448:QUG655449 REB655448:REC655449 RNX655448:RNY655449 RXT655448:RXU655449 SHP655448:SHQ655449 SRL655448:SRM655449 TBH655448:TBI655449 TLD655448:TLE655449 TUZ655448:TVA655449 UEV655448:UEW655449 UOR655448:UOS655449 UYN655448:UYO655449 VIJ655448:VIK655449 VSF655448:VSG655449 WCB655448:WCC655449 WLX655448:WLY655449 WVT655448:WVU655449 L720983:M720984 JH720984:JI720985 TD720984:TE720985 ACZ720984:ADA720985 AMV720984:AMW720985 AWR720984:AWS720985 BGN720984:BGO720985 BQJ720984:BQK720985 CAF720984:CAG720985 CKB720984:CKC720985 CTX720984:CTY720985 DDT720984:DDU720985 DNP720984:DNQ720985 DXL720984:DXM720985 EHH720984:EHI720985 ERD720984:ERE720985 FAZ720984:FBA720985 FKV720984:FKW720985 FUR720984:FUS720985 GEN720984:GEO720985 GOJ720984:GOK720985 GYF720984:GYG720985 HIB720984:HIC720985 HRX720984:HRY720985 IBT720984:IBU720985 ILP720984:ILQ720985 IVL720984:IVM720985 JFH720984:JFI720985 JPD720984:JPE720985 JYZ720984:JZA720985 KIV720984:KIW720985 KSR720984:KSS720985 LCN720984:LCO720985 LMJ720984:LMK720985 LWF720984:LWG720985 MGB720984:MGC720985 MPX720984:MPY720985 MZT720984:MZU720985 NJP720984:NJQ720985 NTL720984:NTM720985 ODH720984:ODI720985 OND720984:ONE720985 OWZ720984:OXA720985 PGV720984:PGW720985 PQR720984:PQS720985 QAN720984:QAO720985 QKJ720984:QKK720985 QUF720984:QUG720985 REB720984:REC720985 RNX720984:RNY720985 RXT720984:RXU720985 SHP720984:SHQ720985 SRL720984:SRM720985 TBH720984:TBI720985 TLD720984:TLE720985 TUZ720984:TVA720985 UEV720984:UEW720985 UOR720984:UOS720985 UYN720984:UYO720985 VIJ720984:VIK720985 VSF720984:VSG720985 WCB720984:WCC720985 WLX720984:WLY720985 WVT720984:WVU720985 L786519:M786520 JH786520:JI786521 TD786520:TE786521 ACZ786520:ADA786521 AMV786520:AMW786521 AWR786520:AWS786521 BGN786520:BGO786521 BQJ786520:BQK786521 CAF786520:CAG786521 CKB786520:CKC786521 CTX786520:CTY786521 DDT786520:DDU786521 DNP786520:DNQ786521 DXL786520:DXM786521 EHH786520:EHI786521 ERD786520:ERE786521 FAZ786520:FBA786521 FKV786520:FKW786521 FUR786520:FUS786521 GEN786520:GEO786521 GOJ786520:GOK786521 GYF786520:GYG786521 HIB786520:HIC786521 HRX786520:HRY786521 IBT786520:IBU786521 ILP786520:ILQ786521 IVL786520:IVM786521 JFH786520:JFI786521 JPD786520:JPE786521 JYZ786520:JZA786521 KIV786520:KIW786521 KSR786520:KSS786521 LCN786520:LCO786521 LMJ786520:LMK786521 LWF786520:LWG786521 MGB786520:MGC786521 MPX786520:MPY786521 MZT786520:MZU786521 NJP786520:NJQ786521 NTL786520:NTM786521 ODH786520:ODI786521 OND786520:ONE786521 OWZ786520:OXA786521 PGV786520:PGW786521 PQR786520:PQS786521 QAN786520:QAO786521 QKJ786520:QKK786521 QUF786520:QUG786521 REB786520:REC786521 RNX786520:RNY786521 RXT786520:RXU786521 SHP786520:SHQ786521 SRL786520:SRM786521 TBH786520:TBI786521 TLD786520:TLE786521 TUZ786520:TVA786521 UEV786520:UEW786521 UOR786520:UOS786521 UYN786520:UYO786521 VIJ786520:VIK786521 VSF786520:VSG786521 WCB786520:WCC786521 WLX786520:WLY786521 WVT786520:WVU786521 L852055:M852056 JH852056:JI852057 TD852056:TE852057 ACZ852056:ADA852057 AMV852056:AMW852057 AWR852056:AWS852057 BGN852056:BGO852057 BQJ852056:BQK852057 CAF852056:CAG852057 CKB852056:CKC852057 CTX852056:CTY852057 DDT852056:DDU852057 DNP852056:DNQ852057 DXL852056:DXM852057 EHH852056:EHI852057 ERD852056:ERE852057 FAZ852056:FBA852057 FKV852056:FKW852057 FUR852056:FUS852057 GEN852056:GEO852057 GOJ852056:GOK852057 GYF852056:GYG852057 HIB852056:HIC852057 HRX852056:HRY852057 IBT852056:IBU852057 ILP852056:ILQ852057 IVL852056:IVM852057 JFH852056:JFI852057 JPD852056:JPE852057 JYZ852056:JZA852057 KIV852056:KIW852057 KSR852056:KSS852057 LCN852056:LCO852057 LMJ852056:LMK852057 LWF852056:LWG852057 MGB852056:MGC852057 MPX852056:MPY852057 MZT852056:MZU852057 NJP852056:NJQ852057 NTL852056:NTM852057 ODH852056:ODI852057 OND852056:ONE852057 OWZ852056:OXA852057 PGV852056:PGW852057 PQR852056:PQS852057 QAN852056:QAO852057 QKJ852056:QKK852057 QUF852056:QUG852057 REB852056:REC852057 RNX852056:RNY852057 RXT852056:RXU852057 SHP852056:SHQ852057 SRL852056:SRM852057 TBH852056:TBI852057 TLD852056:TLE852057 TUZ852056:TVA852057 UEV852056:UEW852057 UOR852056:UOS852057 UYN852056:UYO852057 VIJ852056:VIK852057 VSF852056:VSG852057 WCB852056:WCC852057 WLX852056:WLY852057 WVT852056:WVU852057 L917591:M917592 JH917592:JI917593 TD917592:TE917593 ACZ917592:ADA917593 AMV917592:AMW917593 AWR917592:AWS917593 BGN917592:BGO917593 BQJ917592:BQK917593 CAF917592:CAG917593 CKB917592:CKC917593 CTX917592:CTY917593 DDT917592:DDU917593 DNP917592:DNQ917593 DXL917592:DXM917593 EHH917592:EHI917593 ERD917592:ERE917593 FAZ917592:FBA917593 FKV917592:FKW917593 FUR917592:FUS917593 GEN917592:GEO917593 GOJ917592:GOK917593 GYF917592:GYG917593 HIB917592:HIC917593 HRX917592:HRY917593 IBT917592:IBU917593 ILP917592:ILQ917593 IVL917592:IVM917593 JFH917592:JFI917593 JPD917592:JPE917593 JYZ917592:JZA917593 KIV917592:KIW917593 KSR917592:KSS917593 LCN917592:LCO917593 LMJ917592:LMK917593 LWF917592:LWG917593 MGB917592:MGC917593 MPX917592:MPY917593 MZT917592:MZU917593 NJP917592:NJQ917593 NTL917592:NTM917593 ODH917592:ODI917593 OND917592:ONE917593 OWZ917592:OXA917593 PGV917592:PGW917593 PQR917592:PQS917593 QAN917592:QAO917593 QKJ917592:QKK917593 QUF917592:QUG917593 REB917592:REC917593 RNX917592:RNY917593 RXT917592:RXU917593 SHP917592:SHQ917593 SRL917592:SRM917593 TBH917592:TBI917593 TLD917592:TLE917593 TUZ917592:TVA917593 UEV917592:UEW917593 UOR917592:UOS917593 UYN917592:UYO917593 VIJ917592:VIK917593 VSF917592:VSG917593 WCB917592:WCC917593 WLX917592:WLY917593 WVT917592:WVU917593 L983127:M983128 JH983128:JI983129 TD983128:TE983129 ACZ983128:ADA983129 AMV983128:AMW983129 AWR983128:AWS983129 BGN983128:BGO983129 BQJ983128:BQK983129 CAF983128:CAG983129 CKB983128:CKC983129 CTX983128:CTY983129 DDT983128:DDU983129 DNP983128:DNQ983129 DXL983128:DXM983129 EHH983128:EHI983129 ERD983128:ERE983129 FAZ983128:FBA983129 FKV983128:FKW983129 FUR983128:FUS983129 GEN983128:GEO983129 GOJ983128:GOK983129 GYF983128:GYG983129 HIB983128:HIC983129 HRX983128:HRY983129 IBT983128:IBU983129 ILP983128:ILQ983129 IVL983128:IVM983129 JFH983128:JFI983129 JPD983128:JPE983129 JYZ983128:JZA983129 KIV983128:KIW983129 KSR983128:KSS983129 LCN983128:LCO983129 LMJ983128:LMK983129 LWF983128:LWG983129 MGB983128:MGC983129 MPX983128:MPY983129 MZT983128:MZU983129 NJP983128:NJQ983129 NTL983128:NTM983129 ODH983128:ODI983129 OND983128:ONE983129 OWZ983128:OXA983129 PGV983128:PGW983129 PQR983128:PQS983129 QAN983128:QAO983129 QKJ983128:QKK983129 QUF983128:QUG983129 REB983128:REC983129 RNX983128:RNY983129 RXT983128:RXU983129 SHP983128:SHQ983129 SRL983128:SRM983129 TBH983128:TBI983129 TLD983128:TLE983129 TUZ983128:TVA983129 UEV983128:UEW983129 UOR983128:UOS983129 UYN983128:UYO983129 VIJ983128:VIK983129 VSF983128:VSG983129 WCB983128:WCC983129 WLX983128:WLY983129 WVT983128:WVU983129 WVT87:WVU88 WLX87:WLY88 WCB87:WCC88 VSF87:VSG88 VIJ87:VIK88 UYN87:UYO88 UOR87:UOS88 UEV87:UEW88 TUZ87:TVA88 TLD87:TLE88 TBH87:TBI88 SRL87:SRM88 SHP87:SHQ88 RXT87:RXU88 RNX87:RNY88 REB87:REC88 QUF87:QUG88 QKJ87:QKK88 QAN87:QAO88 PQR87:PQS88 PGV87:PGW88 OWZ87:OXA88 OND87:ONE88 ODH87:ODI88 NTL87:NTM88 NJP87:NJQ88 MZT87:MZU88 MPX87:MPY88 MGB87:MGC88 LWF87:LWG88 LMJ87:LMK88 LCN87:LCO88 KSR87:KSS88 KIV87:KIW88 JYZ87:JZA88 JPD87:JPE88 JFH87:JFI88 IVL87:IVM88 ILP87:ILQ88 IBT87:IBU88 HRX87:HRY88 HIB87:HIC88 GYF87:GYG88 GOJ87:GOK88 GEN87:GEO88 FUR87:FUS88 FKV87:FKW88 FAZ87:FBA88 ERD87:ERE88 EHH87:EHI88 DXL87:DXM88 DNP87:DNQ88 DDT87:DDU88 CTX87:CTY88 CKB87:CKC88 CAF87:CAG88 BQJ87:BQK88 BGN87:BGO88 AWR87:AWS88 AMV87:AMW88 ACZ87:ADA88 TD87:TE88 JH87:JI88 L86:M87 WVT108:WVU109 WLX108:WLY109 WCB108:WCC109 VSF108:VSG109 VIJ108:VIK109 UYN108:UYO109 UOR108:UOS109 UEV108:UEW109 TUZ108:TVA109 TLD108:TLE109 TBH108:TBI109 SRL108:SRM109 SHP108:SHQ109 RXT108:RXU109 RNX108:RNY109 REB108:REC109 QUF108:QUG109 QKJ108:QKK109 QAN108:QAO109 PQR108:PQS109 PGV108:PGW109 OWZ108:OXA109 OND108:ONE109 ODH108:ODI109 NTL108:NTM109 NJP108:NJQ109 MZT108:MZU109 MPX108:MPY109 MGB108:MGC109 LWF108:LWG109 LMJ108:LMK109 LCN108:LCO109 KSR108:KSS109 KIV108:KIW109 JYZ108:JZA109 JPD108:JPE109 JFH108:JFI109 IVL108:IVM109 ILP108:ILQ109 IBT108:IBU109 HRX108:HRY109 HIB108:HIC109 GYF108:GYG109 GOJ108:GOK109 GEN108:GEO109 FUR108:FUS109 FKV108:FKW109 FAZ108:FBA109 ERD108:ERE109 EHH108:EHI109 DXL108:DXM109 DNP108:DNQ109 DDT108:DDU109 CTX108:CTY109 CKB108:CKC109 CAF108:CAG109 BQJ108:BQK109 BGN108:BGO109 AWR108:AWS109 AMV108:AMW109 ACZ108:ADA109 TD108:TE109 JH108:JI109 L107:M108">
      <formula1>"Yes/No,Yes , No"</formula1>
    </dataValidation>
    <dataValidation type="list" showInputMessage="1" showErrorMessage="1" sqref="L93:M101 L65:M71 L18:M32">
      <formula1>"符合标准(Applicable)／不符合(Not Applicable),符合标准(Applicable),不符合(Not Applicable)"</formula1>
    </dataValidation>
  </dataValidations>
  <printOptions horizontalCentered="1"/>
  <pageMargins left="0.39370078740157483" right="0.19685039370078741" top="0.59055118110236227" bottom="0.43307086614173229" header="0.19685039370078741" footer="0.23622047244094491"/>
  <pageSetup paperSize="9" scale="54" fitToHeight="0" orientation="portrait" r:id="rId1"/>
  <headerFooter alignWithMargins="0">
    <oddFooter>&amp;LC.Device&amp;RV.10.0 (revised on Jun. 2018)</oddFooter>
  </headerFooter>
  <rowBreaks count="1" manualBreakCount="1">
    <brk id="60" max="1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P67"/>
  <sheetViews>
    <sheetView showGridLines="0" view="pageBreakPreview" zoomScaleNormal="100" zoomScaleSheetLayoutView="100" zoomScalePageLayoutView="80" workbookViewId="0">
      <selection activeCell="H7" sqref="H7:H8"/>
    </sheetView>
  </sheetViews>
  <sheetFormatPr defaultColWidth="0.85546875" defaultRowHeight="15.75"/>
  <cols>
    <col min="1" max="1" width="2.140625" style="33" customWidth="1"/>
    <col min="2" max="2" width="1.85546875" style="98" customWidth="1"/>
    <col min="3" max="3" width="5.140625" style="99" bestFit="1" customWidth="1"/>
    <col min="4" max="4" width="3" style="100" customWidth="1"/>
    <col min="5" max="5" width="20" style="99" customWidth="1"/>
    <col min="6" max="6" width="5.42578125" style="101" bestFit="1" customWidth="1"/>
    <col min="7" max="7" width="98.85546875" style="102" customWidth="1"/>
    <col min="8" max="8" width="13.140625" style="100" customWidth="1"/>
    <col min="9" max="16384" width="0.85546875" style="100"/>
  </cols>
  <sheetData>
    <row r="1" spans="1:9">
      <c r="H1" s="2" t="s">
        <v>738</v>
      </c>
    </row>
    <row r="2" spans="1:9">
      <c r="A2" s="33" t="s">
        <v>1049</v>
      </c>
    </row>
    <row r="3" spans="1:9" ht="20.25">
      <c r="B3" s="375" t="s">
        <v>1050</v>
      </c>
      <c r="C3" s="273"/>
      <c r="D3" s="274"/>
      <c r="E3" s="275"/>
      <c r="F3" s="276"/>
      <c r="G3" s="277"/>
      <c r="H3" s="274"/>
    </row>
    <row r="4" spans="1:9" ht="20.25">
      <c r="A4" s="103"/>
      <c r="B4" s="103" t="s">
        <v>723</v>
      </c>
      <c r="C4" s="273"/>
      <c r="D4" s="274"/>
      <c r="E4" s="275"/>
      <c r="F4" s="276"/>
      <c r="G4" s="277"/>
      <c r="H4" s="274"/>
    </row>
    <row r="5" spans="1:9" ht="31.5" customHeight="1" thickBot="1">
      <c r="B5" s="278"/>
      <c r="C5" s="671" t="s">
        <v>1001</v>
      </c>
      <c r="D5" s="672"/>
      <c r="E5" s="673"/>
      <c r="F5" s="110" t="s">
        <v>17</v>
      </c>
      <c r="G5" s="137" t="s">
        <v>1051</v>
      </c>
      <c r="H5" s="13" t="s">
        <v>1002</v>
      </c>
      <c r="I5" s="279"/>
    </row>
    <row r="6" spans="1:9" ht="15.75" customHeight="1" thickTop="1">
      <c r="C6" s="116">
        <v>1</v>
      </c>
      <c r="D6" s="100" t="s">
        <v>1003</v>
      </c>
      <c r="H6" s="139"/>
    </row>
    <row r="7" spans="1:9" ht="15.75" customHeight="1">
      <c r="C7" s="116"/>
      <c r="D7" s="117"/>
      <c r="E7" s="160" t="s">
        <v>313</v>
      </c>
      <c r="F7" s="335">
        <v>1</v>
      </c>
      <c r="G7" s="336" t="s">
        <v>1052</v>
      </c>
      <c r="H7" s="528" t="s">
        <v>183</v>
      </c>
    </row>
    <row r="8" spans="1:9" ht="15.75" customHeight="1">
      <c r="A8" s="103"/>
      <c r="B8" s="103"/>
      <c r="C8" s="116"/>
      <c r="D8" s="117"/>
      <c r="E8" s="358" t="s">
        <v>15</v>
      </c>
      <c r="F8" s="280"/>
      <c r="G8" s="140" t="s">
        <v>1053</v>
      </c>
      <c r="H8" s="528"/>
    </row>
    <row r="9" spans="1:9" ht="92.25" customHeight="1">
      <c r="C9" s="116"/>
      <c r="E9" s="674" t="s">
        <v>832</v>
      </c>
      <c r="F9" s="335">
        <v>2</v>
      </c>
      <c r="G9" s="336" t="s">
        <v>1054</v>
      </c>
      <c r="H9" s="317" t="s">
        <v>183</v>
      </c>
    </row>
    <row r="10" spans="1:9" ht="63" customHeight="1">
      <c r="C10" s="116"/>
      <c r="E10" s="675"/>
      <c r="F10" s="281">
        <v>3</v>
      </c>
      <c r="G10" s="339" t="s">
        <v>1055</v>
      </c>
      <c r="H10" s="317"/>
    </row>
    <row r="11" spans="1:9" ht="15.75" customHeight="1">
      <c r="C11" s="112">
        <v>2</v>
      </c>
      <c r="D11" s="113" t="s">
        <v>1056</v>
      </c>
      <c r="E11" s="282"/>
      <c r="F11" s="115"/>
      <c r="G11" s="339"/>
      <c r="H11" s="283"/>
    </row>
    <row r="12" spans="1:9" ht="15.75" customHeight="1">
      <c r="C12" s="116"/>
      <c r="E12" s="160" t="s">
        <v>1295</v>
      </c>
      <c r="F12" s="676">
        <v>1</v>
      </c>
      <c r="G12" s="677" t="s">
        <v>1057</v>
      </c>
      <c r="H12" s="528" t="s">
        <v>183</v>
      </c>
    </row>
    <row r="13" spans="1:9" ht="15.75" customHeight="1">
      <c r="C13" s="116"/>
      <c r="E13" s="358" t="s">
        <v>15</v>
      </c>
      <c r="F13" s="581"/>
      <c r="G13" s="678"/>
      <c r="H13" s="528"/>
    </row>
    <row r="14" spans="1:9" ht="31.5" customHeight="1">
      <c r="C14" s="116"/>
      <c r="E14" s="337" t="s">
        <v>832</v>
      </c>
      <c r="F14" s="115">
        <v>2</v>
      </c>
      <c r="G14" s="284" t="s">
        <v>1058</v>
      </c>
      <c r="H14" s="283"/>
    </row>
    <row r="15" spans="1:9" ht="15.75" customHeight="1">
      <c r="C15" s="116"/>
      <c r="E15" s="285" t="s">
        <v>1059</v>
      </c>
      <c r="F15" s="115"/>
      <c r="G15" s="339"/>
      <c r="H15" s="283"/>
    </row>
    <row r="16" spans="1:9" ht="15.75" customHeight="1">
      <c r="C16" s="112">
        <v>3</v>
      </c>
      <c r="D16" s="682" t="s">
        <v>1060</v>
      </c>
      <c r="E16" s="682"/>
      <c r="F16" s="682"/>
      <c r="G16" s="682"/>
      <c r="H16" s="283"/>
    </row>
    <row r="17" spans="1:8" ht="15.75" customHeight="1">
      <c r="C17" s="116"/>
      <c r="E17" s="160" t="s">
        <v>1295</v>
      </c>
      <c r="F17" s="683">
        <v>1</v>
      </c>
      <c r="G17" s="677" t="s">
        <v>1061</v>
      </c>
      <c r="H17" s="528" t="s">
        <v>183</v>
      </c>
    </row>
    <row r="18" spans="1:8" ht="15.75" customHeight="1">
      <c r="C18" s="116"/>
      <c r="E18" s="358" t="s">
        <v>725</v>
      </c>
      <c r="F18" s="684"/>
      <c r="G18" s="678"/>
      <c r="H18" s="528"/>
    </row>
    <row r="19" spans="1:8" ht="15.75" customHeight="1">
      <c r="C19" s="116"/>
      <c r="E19" s="679" t="s">
        <v>933</v>
      </c>
      <c r="F19" s="335">
        <v>2</v>
      </c>
      <c r="G19" s="284" t="s">
        <v>1004</v>
      </c>
      <c r="H19" s="283"/>
    </row>
    <row r="20" spans="1:8" ht="15.75" customHeight="1">
      <c r="C20" s="116"/>
      <c r="E20" s="685"/>
      <c r="F20" s="335">
        <v>3</v>
      </c>
      <c r="G20" s="284" t="s">
        <v>1062</v>
      </c>
      <c r="H20" s="283"/>
    </row>
    <row r="21" spans="1:8" ht="15.75" customHeight="1">
      <c r="C21" s="116"/>
      <c r="E21" s="286"/>
      <c r="F21" s="115"/>
      <c r="G21" s="339"/>
      <c r="H21" s="283"/>
    </row>
    <row r="22" spans="1:8" ht="15.75" customHeight="1">
      <c r="C22" s="112">
        <v>4</v>
      </c>
      <c r="D22" s="686" t="s">
        <v>1063</v>
      </c>
      <c r="E22" s="682"/>
      <c r="F22" s="682"/>
      <c r="G22" s="682"/>
      <c r="H22" s="129"/>
    </row>
    <row r="23" spans="1:8" ht="15.75" customHeight="1">
      <c r="C23" s="116"/>
      <c r="D23" s="117"/>
      <c r="E23" s="687" t="s">
        <v>1296</v>
      </c>
      <c r="F23" s="335">
        <v>1</v>
      </c>
      <c r="G23" s="118" t="s">
        <v>1064</v>
      </c>
      <c r="H23" s="528" t="s">
        <v>183</v>
      </c>
    </row>
    <row r="24" spans="1:8" ht="15.75" customHeight="1">
      <c r="A24" s="103"/>
      <c r="B24" s="103"/>
      <c r="C24" s="116"/>
      <c r="D24" s="117"/>
      <c r="E24" s="688"/>
      <c r="F24" s="280"/>
      <c r="G24" s="122" t="s">
        <v>38</v>
      </c>
      <c r="H24" s="528"/>
    </row>
    <row r="25" spans="1:8" ht="15.75" customHeight="1">
      <c r="A25" s="103"/>
      <c r="B25" s="103"/>
      <c r="C25" s="116"/>
      <c r="D25" s="117"/>
      <c r="E25" s="689"/>
      <c r="F25" s="125">
        <v>2</v>
      </c>
      <c r="G25" s="287" t="s">
        <v>1005</v>
      </c>
      <c r="H25" s="469"/>
    </row>
    <row r="26" spans="1:8" ht="15.75" customHeight="1">
      <c r="C26" s="116"/>
      <c r="E26" s="679" t="s">
        <v>933</v>
      </c>
      <c r="F26" s="676">
        <v>3</v>
      </c>
      <c r="G26" s="288" t="s">
        <v>1007</v>
      </c>
      <c r="H26" s="525"/>
    </row>
    <row r="27" spans="1:8" ht="15.75" customHeight="1">
      <c r="C27" s="116"/>
      <c r="E27" s="679"/>
      <c r="F27" s="553"/>
      <c r="G27" s="140" t="s">
        <v>726</v>
      </c>
      <c r="H27" s="680"/>
    </row>
    <row r="28" spans="1:8" ht="15.75" customHeight="1">
      <c r="C28" s="116"/>
      <c r="E28" s="679"/>
      <c r="F28" s="553"/>
      <c r="G28" s="336" t="s">
        <v>1065</v>
      </c>
      <c r="H28" s="680"/>
    </row>
    <row r="29" spans="1:8" ht="15.75" customHeight="1">
      <c r="C29" s="116"/>
      <c r="E29" s="679"/>
      <c r="F29" s="581"/>
      <c r="G29" s="472" t="s">
        <v>1303</v>
      </c>
      <c r="H29" s="681"/>
    </row>
    <row r="30" spans="1:8" ht="15.75" customHeight="1">
      <c r="C30" s="116"/>
      <c r="E30" s="289"/>
      <c r="G30" s="290"/>
      <c r="H30" s="291"/>
    </row>
    <row r="31" spans="1:8" ht="15.75" customHeight="1">
      <c r="C31" s="112">
        <v>5</v>
      </c>
      <c r="D31" s="113" t="s">
        <v>1066</v>
      </c>
      <c r="E31" s="289"/>
      <c r="F31" s="292"/>
      <c r="G31" s="118"/>
      <c r="H31" s="293"/>
    </row>
    <row r="32" spans="1:8" ht="31.5" customHeight="1">
      <c r="C32" s="116"/>
      <c r="D32" s="117"/>
      <c r="E32" s="359" t="s">
        <v>833</v>
      </c>
      <c r="F32" s="281">
        <v>1</v>
      </c>
      <c r="G32" s="294" t="s">
        <v>1006</v>
      </c>
      <c r="H32" s="295"/>
    </row>
    <row r="33" spans="2:8" ht="15.75" customHeight="1">
      <c r="C33" s="116"/>
      <c r="E33" s="679" t="s">
        <v>933</v>
      </c>
      <c r="F33" s="676">
        <v>2</v>
      </c>
      <c r="G33" s="288" t="s">
        <v>1067</v>
      </c>
      <c r="H33" s="525"/>
    </row>
    <row r="34" spans="2:8" ht="15.75" customHeight="1">
      <c r="C34" s="116"/>
      <c r="E34" s="679"/>
      <c r="F34" s="553"/>
      <c r="G34" s="140" t="s">
        <v>745</v>
      </c>
      <c r="H34" s="680"/>
    </row>
    <row r="35" spans="2:8" ht="15.75" customHeight="1">
      <c r="C35" s="116"/>
      <c r="E35" s="679"/>
      <c r="F35" s="553"/>
      <c r="G35" s="336" t="s">
        <v>1008</v>
      </c>
      <c r="H35" s="680"/>
    </row>
    <row r="36" spans="2:8" ht="15.75" customHeight="1">
      <c r="C36" s="116"/>
      <c r="E36" s="679"/>
      <c r="F36" s="581"/>
      <c r="G36" s="472" t="s">
        <v>727</v>
      </c>
      <c r="H36" s="681"/>
    </row>
    <row r="37" spans="2:8" ht="15.75" customHeight="1">
      <c r="C37" s="116"/>
      <c r="E37" s="289"/>
      <c r="F37" s="115"/>
      <c r="G37" s="296"/>
      <c r="H37" s="283"/>
    </row>
    <row r="38" spans="2:8" ht="15.75" customHeight="1">
      <c r="C38" s="112">
        <v>6</v>
      </c>
      <c r="D38" s="113" t="s">
        <v>1068</v>
      </c>
      <c r="E38" s="289"/>
      <c r="F38" s="115"/>
      <c r="G38" s="297"/>
      <c r="H38" s="298"/>
    </row>
    <row r="39" spans="2:8" ht="31.5" customHeight="1">
      <c r="C39" s="116"/>
      <c r="D39" s="117"/>
      <c r="E39" s="176" t="s">
        <v>833</v>
      </c>
      <c r="F39" s="281">
        <v>1</v>
      </c>
      <c r="G39" s="299" t="s">
        <v>1009</v>
      </c>
      <c r="H39" s="295"/>
    </row>
    <row r="40" spans="2:8" ht="15.75" customHeight="1">
      <c r="B40" s="150"/>
      <c r="C40" s="116"/>
      <c r="E40" s="674" t="s">
        <v>832</v>
      </c>
      <c r="F40" s="281">
        <v>2</v>
      </c>
      <c r="G40" s="284" t="s">
        <v>1010</v>
      </c>
      <c r="H40" s="295"/>
    </row>
    <row r="41" spans="2:8" ht="15.75" customHeight="1">
      <c r="B41" s="150"/>
      <c r="C41" s="116"/>
      <c r="E41" s="697"/>
      <c r="F41" s="676">
        <v>3</v>
      </c>
      <c r="G41" s="288" t="s">
        <v>1069</v>
      </c>
      <c r="H41" s="525"/>
    </row>
    <row r="42" spans="2:8" ht="31.5" customHeight="1">
      <c r="B42" s="150"/>
      <c r="C42" s="116"/>
      <c r="D42" s="117"/>
      <c r="E42" s="697"/>
      <c r="F42" s="553"/>
      <c r="G42" s="140" t="s">
        <v>728</v>
      </c>
      <c r="H42" s="680"/>
    </row>
    <row r="43" spans="2:8" ht="15.75" customHeight="1">
      <c r="B43" s="150"/>
      <c r="C43" s="116"/>
      <c r="E43" s="697"/>
      <c r="F43" s="553"/>
      <c r="G43" s="336" t="s">
        <v>1065</v>
      </c>
      <c r="H43" s="680"/>
    </row>
    <row r="44" spans="2:8" ht="15.75" customHeight="1">
      <c r="B44" s="150"/>
      <c r="C44" s="116"/>
      <c r="E44" s="675"/>
      <c r="F44" s="581"/>
      <c r="G44" s="472" t="s">
        <v>727</v>
      </c>
      <c r="H44" s="681"/>
    </row>
    <row r="45" spans="2:8" ht="15.75" customHeight="1">
      <c r="B45" s="150"/>
      <c r="C45" s="116"/>
      <c r="E45" s="282"/>
      <c r="F45" s="115"/>
      <c r="G45" s="339"/>
      <c r="H45" s="283"/>
    </row>
    <row r="46" spans="2:8" ht="15.75" customHeight="1">
      <c r="B46" s="150"/>
      <c r="C46" s="112">
        <v>7</v>
      </c>
      <c r="D46" s="113" t="s">
        <v>1070</v>
      </c>
      <c r="E46" s="114"/>
      <c r="F46" s="115"/>
      <c r="G46" s="339"/>
      <c r="H46" s="283"/>
    </row>
    <row r="47" spans="2:8" ht="15.75" customHeight="1">
      <c r="B47" s="150"/>
      <c r="C47" s="116"/>
      <c r="E47" s="160" t="s">
        <v>313</v>
      </c>
      <c r="F47" s="676">
        <v>1</v>
      </c>
      <c r="G47" s="677" t="s">
        <v>1071</v>
      </c>
      <c r="H47" s="528" t="s">
        <v>183</v>
      </c>
    </row>
    <row r="48" spans="2:8" ht="15.75" customHeight="1">
      <c r="B48" s="150"/>
      <c r="C48" s="116"/>
      <c r="E48" s="358" t="s">
        <v>15</v>
      </c>
      <c r="F48" s="581"/>
      <c r="G48" s="678"/>
      <c r="H48" s="528"/>
    </row>
    <row r="49" spans="2:14" ht="31.5" customHeight="1">
      <c r="B49" s="150"/>
      <c r="C49" s="116"/>
      <c r="E49" s="337" t="s">
        <v>832</v>
      </c>
      <c r="F49" s="281">
        <v>2</v>
      </c>
      <c r="G49" s="284" t="s">
        <v>1072</v>
      </c>
      <c r="H49" s="471"/>
    </row>
    <row r="50" spans="2:14" ht="31.5" customHeight="1">
      <c r="B50" s="150"/>
      <c r="C50" s="116"/>
      <c r="E50" s="690" t="s">
        <v>1073</v>
      </c>
      <c r="F50" s="691"/>
      <c r="G50" s="691"/>
      <c r="H50" s="692"/>
      <c r="I50" s="320"/>
      <c r="J50" s="320"/>
      <c r="K50" s="320"/>
      <c r="L50" s="320"/>
      <c r="M50" s="320"/>
      <c r="N50" s="320"/>
    </row>
    <row r="51" spans="2:14" ht="31.5" customHeight="1">
      <c r="B51" s="150"/>
      <c r="C51" s="116"/>
      <c r="E51" s="693"/>
      <c r="F51" s="693"/>
      <c r="G51" s="693"/>
      <c r="H51" s="694"/>
      <c r="I51" s="320"/>
      <c r="J51" s="320"/>
      <c r="K51" s="320"/>
      <c r="L51" s="320"/>
      <c r="M51" s="320"/>
      <c r="N51" s="320"/>
    </row>
    <row r="52" spans="2:14" ht="15.75" customHeight="1">
      <c r="B52" s="150"/>
      <c r="C52" s="116"/>
      <c r="E52" s="300" t="s">
        <v>1074</v>
      </c>
      <c r="H52" s="291"/>
    </row>
    <row r="53" spans="2:14" ht="15.75" customHeight="1">
      <c r="B53" s="150"/>
      <c r="C53" s="338"/>
      <c r="D53" s="109"/>
      <c r="E53" s="301"/>
      <c r="F53" s="302"/>
      <c r="G53" s="303"/>
      <c r="H53" s="376"/>
    </row>
    <row r="54" spans="2:14" ht="11.25" customHeight="1">
      <c r="B54" s="150"/>
      <c r="D54" s="304"/>
      <c r="E54" s="571"/>
      <c r="F54" s="492"/>
      <c r="G54" s="492"/>
      <c r="H54" s="492"/>
      <c r="I54" s="492"/>
      <c r="J54" s="492"/>
      <c r="K54" s="492"/>
      <c r="L54" s="492"/>
      <c r="M54" s="492"/>
      <c r="N54" s="492"/>
    </row>
    <row r="55" spans="2:14" ht="11.25" customHeight="1">
      <c r="B55" s="150"/>
      <c r="D55" s="377"/>
      <c r="E55" s="492"/>
      <c r="F55" s="492"/>
      <c r="G55" s="492"/>
      <c r="H55" s="492"/>
      <c r="I55" s="492"/>
      <c r="J55" s="492"/>
      <c r="K55" s="492"/>
      <c r="L55" s="492"/>
      <c r="M55" s="492"/>
      <c r="N55" s="492"/>
    </row>
    <row r="56" spans="2:14" ht="11.25" customHeight="1">
      <c r="B56" s="150"/>
      <c r="D56" s="377"/>
      <c r="E56" s="377"/>
      <c r="F56" s="377"/>
      <c r="G56" s="377"/>
      <c r="H56" s="377"/>
      <c r="I56" s="321"/>
      <c r="J56" s="321"/>
      <c r="K56" s="321"/>
      <c r="L56" s="321"/>
      <c r="M56" s="321"/>
    </row>
    <row r="57" spans="2:14" ht="11.25" customHeight="1">
      <c r="B57" s="150"/>
      <c r="D57" s="377"/>
      <c r="E57" s="377"/>
      <c r="F57" s="377"/>
      <c r="G57" s="377"/>
      <c r="H57" s="377"/>
      <c r="I57" s="321"/>
      <c r="J57" s="321"/>
      <c r="K57" s="321"/>
      <c r="L57" s="321"/>
      <c r="M57" s="321"/>
    </row>
    <row r="58" spans="2:14" ht="11.25" customHeight="1">
      <c r="B58" s="150"/>
      <c r="H58" s="305"/>
    </row>
    <row r="59" spans="2:14" ht="11.25" customHeight="1">
      <c r="B59" s="150"/>
      <c r="H59" s="305"/>
    </row>
    <row r="60" spans="2:14" ht="11.25" customHeight="1">
      <c r="B60" s="150"/>
      <c r="H60" s="305"/>
    </row>
    <row r="61" spans="2:14" ht="11.25" customHeight="1">
      <c r="B61" s="150"/>
      <c r="H61" s="305"/>
    </row>
    <row r="62" spans="2:14" ht="11.25" customHeight="1">
      <c r="B62" s="150"/>
      <c r="H62" s="305"/>
    </row>
    <row r="63" spans="2:14" ht="11.25" customHeight="1">
      <c r="B63" s="150"/>
      <c r="H63" s="305"/>
    </row>
    <row r="64" spans="2:14" ht="11.25" customHeight="1">
      <c r="B64" s="150"/>
      <c r="H64" s="305"/>
    </row>
    <row r="65" spans="1:16">
      <c r="D65" s="282"/>
      <c r="E65" s="34"/>
      <c r="F65" s="34"/>
      <c r="G65" s="378"/>
      <c r="H65" s="379"/>
    </row>
    <row r="66" spans="1:16" ht="15">
      <c r="A66" s="695" t="s">
        <v>729</v>
      </c>
      <c r="B66" s="696"/>
      <c r="C66" s="696"/>
      <c r="D66" s="696"/>
      <c r="E66" s="696"/>
      <c r="F66" s="696"/>
      <c r="G66" s="696"/>
      <c r="H66" s="696"/>
      <c r="I66" s="696"/>
      <c r="J66" s="696"/>
      <c r="K66" s="696"/>
      <c r="L66" s="696"/>
      <c r="M66" s="696"/>
      <c r="N66" s="696"/>
      <c r="O66" s="696"/>
      <c r="P66" s="696"/>
    </row>
    <row r="67" spans="1:16">
      <c r="C67" s="193"/>
      <c r="D67" s="193"/>
      <c r="E67" s="193"/>
      <c r="F67" s="193"/>
      <c r="G67" s="193"/>
      <c r="H67" s="193"/>
    </row>
  </sheetData>
  <sheetProtection password="E0C6" sheet="1" objects="1" scenarios="1" selectLockedCells="1"/>
  <mergeCells count="29">
    <mergeCell ref="E50:H51"/>
    <mergeCell ref="E54:N55"/>
    <mergeCell ref="A66:P66"/>
    <mergeCell ref="E40:E44"/>
    <mergeCell ref="F41:F44"/>
    <mergeCell ref="H41:H44"/>
    <mergeCell ref="F47:F48"/>
    <mergeCell ref="G47:G48"/>
    <mergeCell ref="H47:H48"/>
    <mergeCell ref="E33:E36"/>
    <mergeCell ref="F33:F36"/>
    <mergeCell ref="H33:H36"/>
    <mergeCell ref="D16:G16"/>
    <mergeCell ref="F17:F18"/>
    <mergeCell ref="G17:G18"/>
    <mergeCell ref="H17:H18"/>
    <mergeCell ref="E19:E20"/>
    <mergeCell ref="D22:G22"/>
    <mergeCell ref="E23:E25"/>
    <mergeCell ref="H23:H24"/>
    <mergeCell ref="E26:E29"/>
    <mergeCell ref="F26:F29"/>
    <mergeCell ref="H26:H29"/>
    <mergeCell ref="C5:E5"/>
    <mergeCell ref="H7:H8"/>
    <mergeCell ref="E9:E10"/>
    <mergeCell ref="F12:F13"/>
    <mergeCell ref="G12:G13"/>
    <mergeCell ref="H12:H13"/>
  </mergeCells>
  <phoneticPr fontId="6"/>
  <conditionalFormatting sqref="H7 H23">
    <cfRule type="cellIs" dxfId="11" priority="12" stopIfTrue="1" operator="equal">
      <formula>"X"</formula>
    </cfRule>
  </conditionalFormatting>
  <conditionalFormatting sqref="H9:H11 H14:H16 H19:H21 H52:H53 H58:H64">
    <cfRule type="cellIs" dxfId="10" priority="11" operator="equal">
      <formula>"X"</formula>
    </cfRule>
  </conditionalFormatting>
  <conditionalFormatting sqref="H26 H30">
    <cfRule type="cellIs" dxfId="9" priority="8" operator="equal">
      <formula>"X"</formula>
    </cfRule>
  </conditionalFormatting>
  <conditionalFormatting sqref="H12">
    <cfRule type="cellIs" dxfId="8" priority="10" stopIfTrue="1" operator="equal">
      <formula>"X"</formula>
    </cfRule>
  </conditionalFormatting>
  <conditionalFormatting sqref="H17">
    <cfRule type="cellIs" dxfId="7" priority="9" stopIfTrue="1" operator="equal">
      <formula>"X"</formula>
    </cfRule>
  </conditionalFormatting>
  <conditionalFormatting sqref="H32">
    <cfRule type="cellIs" dxfId="6" priority="7" operator="equal">
      <formula>"X"</formula>
    </cfRule>
  </conditionalFormatting>
  <conditionalFormatting sqref="H33 H37">
    <cfRule type="cellIs" dxfId="5" priority="6" operator="equal">
      <formula>"X"</formula>
    </cfRule>
  </conditionalFormatting>
  <conditionalFormatting sqref="H39">
    <cfRule type="cellIs" dxfId="4" priority="5" operator="equal">
      <formula>"X"</formula>
    </cfRule>
  </conditionalFormatting>
  <conditionalFormatting sqref="H40:H41 H45:H46">
    <cfRule type="cellIs" dxfId="3" priority="4" operator="equal">
      <formula>"X"</formula>
    </cfRule>
  </conditionalFormatting>
  <conditionalFormatting sqref="H49">
    <cfRule type="cellIs" dxfId="2" priority="3" operator="equal">
      <formula>"X"</formula>
    </cfRule>
  </conditionalFormatting>
  <conditionalFormatting sqref="H47">
    <cfRule type="cellIs" dxfId="1" priority="2" stopIfTrue="1" operator="equal">
      <formula>"X"</formula>
    </cfRule>
  </conditionalFormatting>
  <conditionalFormatting sqref="H25">
    <cfRule type="cellIs" dxfId="0" priority="1" operator="equal">
      <formula>"X"</formula>
    </cfRule>
  </conditionalFormatting>
  <dataValidations count="1">
    <dataValidation type="list" allowBlank="1" showInputMessage="1" showErrorMessage="1" sqref="H23 H7 H9:H12 H14:H17 H19:H21 H30 H39:H41 H45:H47 H32:H33 H25:H26 H49 H52:H53 H58:H64">
      <formula1>"　,X"</formula1>
    </dataValidation>
  </dataValidations>
  <printOptions horizontalCentered="1"/>
  <pageMargins left="0.59055118110236227" right="0.59055118110236227" top="0.59055118110236227" bottom="0.59055118110236227" header="0.31496062992125984" footer="0.31496062992125984"/>
  <pageSetup paperSize="9" scale="64" orientation="portrait" r:id="rId1"/>
  <headerFooter>
    <oddFooter>&amp;LC (appendix.).Device&amp;RV.10.0 (revised on Jun. 2018)</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E115"/>
  <sheetViews>
    <sheetView showGridLines="0" view="pageBreakPreview" zoomScaleNormal="85" zoomScaleSheetLayoutView="100" workbookViewId="0"/>
  </sheetViews>
  <sheetFormatPr defaultColWidth="1.5703125" defaultRowHeight="12.75"/>
  <cols>
    <col min="1" max="1" width="4.140625" style="36" customWidth="1"/>
    <col min="2" max="2" width="4.28515625" style="172" customWidth="1"/>
    <col min="3" max="3" width="41.140625" style="36" customWidth="1"/>
    <col min="4" max="4" width="25.140625" style="36" customWidth="1"/>
    <col min="5" max="5" width="36.28515625" style="36" customWidth="1"/>
    <col min="6" max="16384" width="1.5703125" style="36"/>
  </cols>
  <sheetData>
    <row r="1" spans="1:5">
      <c r="A1" s="35"/>
      <c r="B1" s="171"/>
      <c r="C1" s="34"/>
      <c r="D1" s="34"/>
      <c r="E1" s="23" t="s">
        <v>186</v>
      </c>
    </row>
    <row r="2" spans="1:5" ht="15.75">
      <c r="A2" s="33" t="s">
        <v>1300</v>
      </c>
      <c r="B2" s="409"/>
      <c r="C2" s="34"/>
      <c r="D2" s="34"/>
      <c r="E2" s="35"/>
    </row>
    <row r="3" spans="1:5">
      <c r="A3" s="35"/>
      <c r="B3" s="409"/>
      <c r="C3" s="34"/>
      <c r="D3" s="34"/>
      <c r="E3" s="35"/>
    </row>
    <row r="4" spans="1:5">
      <c r="A4" s="35" t="s">
        <v>1261</v>
      </c>
      <c r="B4" s="193"/>
      <c r="C4" s="34"/>
      <c r="D4" s="34"/>
      <c r="E4" s="35"/>
    </row>
    <row r="5" spans="1:5">
      <c r="A5" s="35"/>
      <c r="B5" s="409"/>
      <c r="C5" s="34"/>
      <c r="D5" s="34"/>
      <c r="E5" s="35"/>
    </row>
    <row r="6" spans="1:5">
      <c r="A6" s="35" t="s">
        <v>1262</v>
      </c>
      <c r="B6" s="409"/>
      <c r="C6" s="34"/>
      <c r="D6" s="34"/>
      <c r="E6" s="35"/>
    </row>
    <row r="7" spans="1:5">
      <c r="A7" s="342"/>
      <c r="B7" s="698" t="s">
        <v>311</v>
      </c>
      <c r="C7" s="22" t="s">
        <v>312</v>
      </c>
      <c r="D7" s="24" t="s">
        <v>348</v>
      </c>
      <c r="E7" s="21"/>
    </row>
    <row r="8" spans="1:5" ht="13.5" thickBot="1">
      <c r="A8" s="37"/>
      <c r="B8" s="699"/>
      <c r="C8" s="32" t="s">
        <v>155</v>
      </c>
      <c r="D8" s="38" t="s">
        <v>154</v>
      </c>
      <c r="E8" s="32" t="s">
        <v>771</v>
      </c>
    </row>
    <row r="9" spans="1:5" ht="13.5" thickTop="1">
      <c r="A9" s="48" t="s">
        <v>1263</v>
      </c>
      <c r="B9" s="410"/>
      <c r="C9" s="88"/>
      <c r="D9" s="88"/>
      <c r="E9" s="89"/>
    </row>
    <row r="10" spans="1:5" ht="12.75" customHeight="1">
      <c r="A10" s="90"/>
      <c r="B10" s="411">
        <v>1</v>
      </c>
      <c r="C10" s="41" t="s">
        <v>1264</v>
      </c>
      <c r="D10" s="43" t="s">
        <v>1265</v>
      </c>
      <c r="E10" s="198"/>
    </row>
    <row r="11" spans="1:5" ht="13.5">
      <c r="A11" s="90"/>
      <c r="B11" s="352">
        <v>2</v>
      </c>
      <c r="C11" s="39" t="s">
        <v>187</v>
      </c>
      <c r="D11" s="43" t="s">
        <v>1265</v>
      </c>
      <c r="E11" s="412"/>
    </row>
    <row r="12" spans="1:5">
      <c r="A12" s="90"/>
      <c r="B12" s="195">
        <v>3</v>
      </c>
      <c r="C12" s="40" t="s">
        <v>198</v>
      </c>
      <c r="D12" s="43" t="s">
        <v>1265</v>
      </c>
      <c r="E12" s="174"/>
    </row>
    <row r="13" spans="1:5">
      <c r="A13" s="90"/>
      <c r="B13" s="195">
        <v>4</v>
      </c>
      <c r="C13" s="40" t="s">
        <v>780</v>
      </c>
      <c r="D13" s="43" t="s">
        <v>1265</v>
      </c>
      <c r="E13" s="174"/>
    </row>
    <row r="14" spans="1:5" ht="44.25" customHeight="1">
      <c r="A14" s="91"/>
      <c r="B14" s="196">
        <v>5</v>
      </c>
      <c r="C14" s="92" t="s">
        <v>824</v>
      </c>
      <c r="D14" s="44" t="s">
        <v>1265</v>
      </c>
      <c r="E14" s="197"/>
    </row>
    <row r="15" spans="1:5">
      <c r="A15" s="48" t="s">
        <v>772</v>
      </c>
      <c r="B15" s="354"/>
      <c r="C15" s="45"/>
      <c r="D15" s="45"/>
      <c r="E15" s="93"/>
    </row>
    <row r="16" spans="1:5" ht="43.5" customHeight="1">
      <c r="A16" s="90"/>
      <c r="B16" s="43">
        <v>1</v>
      </c>
      <c r="C16" s="41" t="s">
        <v>188</v>
      </c>
      <c r="D16" s="43" t="s">
        <v>158</v>
      </c>
      <c r="E16" s="198" t="s">
        <v>825</v>
      </c>
    </row>
    <row r="17" spans="1:5" ht="43.5" customHeight="1">
      <c r="A17" s="90"/>
      <c r="B17" s="195">
        <v>2</v>
      </c>
      <c r="C17" s="86" t="s">
        <v>1266</v>
      </c>
      <c r="D17" s="43" t="s">
        <v>158</v>
      </c>
      <c r="E17" s="174" t="s">
        <v>825</v>
      </c>
    </row>
    <row r="18" spans="1:5">
      <c r="A18" s="91"/>
      <c r="B18" s="196">
        <v>3</v>
      </c>
      <c r="C18" s="87" t="s">
        <v>201</v>
      </c>
      <c r="D18" s="44" t="s">
        <v>158</v>
      </c>
      <c r="E18" s="197"/>
    </row>
    <row r="19" spans="1:5">
      <c r="A19" s="48" t="s">
        <v>786</v>
      </c>
      <c r="B19" s="354"/>
      <c r="C19" s="45"/>
      <c r="D19" s="45"/>
      <c r="E19" s="93"/>
    </row>
    <row r="20" spans="1:5" ht="13.5">
      <c r="A20" s="90"/>
      <c r="B20" s="43">
        <v>1</v>
      </c>
      <c r="C20" s="41" t="s">
        <v>156</v>
      </c>
      <c r="D20" s="43" t="s">
        <v>158</v>
      </c>
      <c r="E20" s="198"/>
    </row>
    <row r="21" spans="1:5">
      <c r="A21" s="90"/>
      <c r="B21" s="195">
        <v>2</v>
      </c>
      <c r="C21" s="86" t="s">
        <v>185</v>
      </c>
      <c r="D21" s="43" t="s">
        <v>158</v>
      </c>
      <c r="E21" s="174"/>
    </row>
    <row r="22" spans="1:5" ht="30.75" customHeight="1">
      <c r="A22" s="90"/>
      <c r="B22" s="195">
        <v>3</v>
      </c>
      <c r="C22" s="94" t="s">
        <v>826</v>
      </c>
      <c r="D22" s="43" t="s">
        <v>158</v>
      </c>
      <c r="E22" s="174"/>
    </row>
    <row r="23" spans="1:5">
      <c r="A23" s="90"/>
      <c r="B23" s="195">
        <v>4</v>
      </c>
      <c r="C23" s="40" t="s">
        <v>202</v>
      </c>
      <c r="D23" s="43" t="s">
        <v>158</v>
      </c>
      <c r="E23" s="174"/>
    </row>
    <row r="24" spans="1:5">
      <c r="A24" s="90"/>
      <c r="B24" s="195">
        <v>5</v>
      </c>
      <c r="C24" s="40" t="s">
        <v>203</v>
      </c>
      <c r="D24" s="43" t="s">
        <v>158</v>
      </c>
      <c r="E24" s="174"/>
    </row>
    <row r="25" spans="1:5">
      <c r="A25" s="90"/>
      <c r="B25" s="195">
        <v>6</v>
      </c>
      <c r="C25" s="40" t="s">
        <v>204</v>
      </c>
      <c r="D25" s="46" t="s">
        <v>158</v>
      </c>
      <c r="E25" s="174"/>
    </row>
    <row r="26" spans="1:5">
      <c r="A26" s="90"/>
      <c r="B26" s="195">
        <v>7</v>
      </c>
      <c r="C26" s="40" t="s">
        <v>205</v>
      </c>
      <c r="D26" s="46" t="s">
        <v>158</v>
      </c>
      <c r="E26" s="174"/>
    </row>
    <row r="27" spans="1:5" ht="30.75" customHeight="1">
      <c r="A27" s="90"/>
      <c r="B27" s="195">
        <v>8</v>
      </c>
      <c r="C27" s="95" t="s">
        <v>206</v>
      </c>
      <c r="D27" s="46" t="s">
        <v>158</v>
      </c>
      <c r="E27" s="194"/>
    </row>
    <row r="28" spans="1:5">
      <c r="A28" s="90"/>
      <c r="B28" s="195">
        <v>9</v>
      </c>
      <c r="C28" s="95" t="s">
        <v>207</v>
      </c>
      <c r="D28" s="46" t="s">
        <v>158</v>
      </c>
      <c r="E28" s="194"/>
    </row>
    <row r="29" spans="1:5">
      <c r="A29" s="90"/>
      <c r="B29" s="195">
        <v>10</v>
      </c>
      <c r="C29" s="95" t="s">
        <v>208</v>
      </c>
      <c r="D29" s="46" t="s">
        <v>158</v>
      </c>
      <c r="E29" s="194"/>
    </row>
    <row r="30" spans="1:5">
      <c r="A30" s="90"/>
      <c r="B30" s="195">
        <v>11</v>
      </c>
      <c r="C30" s="95" t="s">
        <v>209</v>
      </c>
      <c r="D30" s="46" t="s">
        <v>158</v>
      </c>
      <c r="E30" s="194"/>
    </row>
    <row r="31" spans="1:5">
      <c r="A31" s="90"/>
      <c r="B31" s="195">
        <v>12</v>
      </c>
      <c r="C31" s="95" t="s">
        <v>210</v>
      </c>
      <c r="D31" s="46" t="s">
        <v>158</v>
      </c>
      <c r="E31" s="194"/>
    </row>
    <row r="32" spans="1:5">
      <c r="A32" s="90"/>
      <c r="B32" s="195">
        <v>13</v>
      </c>
      <c r="C32" s="40" t="s">
        <v>211</v>
      </c>
      <c r="D32" s="46" t="s">
        <v>158</v>
      </c>
      <c r="E32" s="174"/>
    </row>
    <row r="33" spans="1:5">
      <c r="A33" s="91"/>
      <c r="B33" s="196">
        <v>14</v>
      </c>
      <c r="C33" s="175" t="s">
        <v>827</v>
      </c>
      <c r="D33" s="173" t="s">
        <v>158</v>
      </c>
      <c r="E33" s="197"/>
    </row>
    <row r="34" spans="1:5">
      <c r="A34" s="48" t="s">
        <v>212</v>
      </c>
      <c r="B34" s="354"/>
      <c r="C34" s="45"/>
      <c r="D34" s="45"/>
      <c r="E34" s="93"/>
    </row>
    <row r="35" spans="1:5">
      <c r="A35" s="90"/>
      <c r="B35" s="43">
        <v>1</v>
      </c>
      <c r="C35" s="96" t="s">
        <v>213</v>
      </c>
      <c r="D35" s="43" t="s">
        <v>158</v>
      </c>
      <c r="E35" s="198"/>
    </row>
    <row r="36" spans="1:5">
      <c r="A36" s="90"/>
      <c r="B36" s="195">
        <v>2</v>
      </c>
      <c r="C36" s="40" t="s">
        <v>214</v>
      </c>
      <c r="D36" s="43" t="s">
        <v>158</v>
      </c>
      <c r="E36" s="174"/>
    </row>
    <row r="37" spans="1:5">
      <c r="A37" s="90"/>
      <c r="B37" s="195">
        <v>3</v>
      </c>
      <c r="C37" s="40" t="s">
        <v>215</v>
      </c>
      <c r="D37" s="43" t="s">
        <v>158</v>
      </c>
      <c r="E37" s="174"/>
    </row>
    <row r="38" spans="1:5" ht="29.25" customHeight="1">
      <c r="A38" s="90"/>
      <c r="B38" s="195">
        <v>4</v>
      </c>
      <c r="C38" s="40" t="s">
        <v>216</v>
      </c>
      <c r="D38" s="43" t="s">
        <v>158</v>
      </c>
      <c r="E38" s="174"/>
    </row>
    <row r="39" spans="1:5">
      <c r="A39" s="90"/>
      <c r="B39" s="195">
        <v>5</v>
      </c>
      <c r="C39" s="40" t="s">
        <v>217</v>
      </c>
      <c r="D39" s="43" t="s">
        <v>158</v>
      </c>
      <c r="E39" s="174"/>
    </row>
    <row r="40" spans="1:5">
      <c r="A40" s="90"/>
      <c r="B40" s="195">
        <v>6</v>
      </c>
      <c r="C40" s="40" t="s">
        <v>218</v>
      </c>
      <c r="D40" s="43" t="s">
        <v>158</v>
      </c>
      <c r="E40" s="174"/>
    </row>
    <row r="41" spans="1:5">
      <c r="A41" s="90"/>
      <c r="B41" s="195">
        <v>7</v>
      </c>
      <c r="C41" s="40" t="s">
        <v>219</v>
      </c>
      <c r="D41" s="43" t="s">
        <v>158</v>
      </c>
      <c r="E41" s="174"/>
    </row>
    <row r="42" spans="1:5">
      <c r="A42" s="90"/>
      <c r="B42" s="195">
        <v>8</v>
      </c>
      <c r="C42" s="40" t="s">
        <v>220</v>
      </c>
      <c r="D42" s="43" t="s">
        <v>158</v>
      </c>
      <c r="E42" s="174"/>
    </row>
    <row r="43" spans="1:5">
      <c r="A43" s="90"/>
      <c r="B43" s="195">
        <v>9</v>
      </c>
      <c r="C43" s="95" t="s">
        <v>221</v>
      </c>
      <c r="D43" s="43" t="s">
        <v>158</v>
      </c>
      <c r="E43" s="194"/>
    </row>
    <row r="44" spans="1:5">
      <c r="A44" s="90"/>
      <c r="B44" s="195">
        <v>10</v>
      </c>
      <c r="C44" s="95" t="s">
        <v>222</v>
      </c>
      <c r="D44" s="43" t="s">
        <v>158</v>
      </c>
      <c r="E44" s="194"/>
    </row>
    <row r="45" spans="1:5">
      <c r="A45" s="90"/>
      <c r="B45" s="195">
        <v>11</v>
      </c>
      <c r="C45" s="95" t="s">
        <v>223</v>
      </c>
      <c r="D45" s="43" t="s">
        <v>158</v>
      </c>
      <c r="E45" s="194"/>
    </row>
    <row r="46" spans="1:5">
      <c r="A46" s="90"/>
      <c r="B46" s="195">
        <v>12</v>
      </c>
      <c r="C46" s="95" t="s">
        <v>224</v>
      </c>
      <c r="D46" s="43" t="s">
        <v>158</v>
      </c>
      <c r="E46" s="194"/>
    </row>
    <row r="47" spans="1:5">
      <c r="A47" s="90"/>
      <c r="B47" s="195">
        <v>13</v>
      </c>
      <c r="C47" s="95" t="s">
        <v>225</v>
      </c>
      <c r="D47" s="43" t="s">
        <v>158</v>
      </c>
      <c r="E47" s="194"/>
    </row>
    <row r="48" spans="1:5">
      <c r="A48" s="90"/>
      <c r="B48" s="195">
        <v>14</v>
      </c>
      <c r="C48" s="95" t="s">
        <v>226</v>
      </c>
      <c r="D48" s="43" t="s">
        <v>773</v>
      </c>
      <c r="E48" s="194"/>
    </row>
    <row r="49" spans="1:5">
      <c r="A49" s="90"/>
      <c r="B49" s="195">
        <v>15</v>
      </c>
      <c r="C49" s="95" t="s">
        <v>227</v>
      </c>
      <c r="D49" s="43" t="s">
        <v>158</v>
      </c>
      <c r="E49" s="194"/>
    </row>
    <row r="50" spans="1:5">
      <c r="A50" s="90"/>
      <c r="B50" s="195">
        <v>16</v>
      </c>
      <c r="C50" s="40" t="s">
        <v>228</v>
      </c>
      <c r="D50" s="43" t="s">
        <v>158</v>
      </c>
      <c r="E50" s="194"/>
    </row>
    <row r="51" spans="1:5" ht="13.5" customHeight="1">
      <c r="A51" s="90"/>
      <c r="B51" s="195">
        <v>17</v>
      </c>
      <c r="C51" s="86" t="s">
        <v>828</v>
      </c>
      <c r="D51" s="43" t="s">
        <v>773</v>
      </c>
      <c r="E51" s="194"/>
    </row>
    <row r="52" spans="1:5" ht="13.5">
      <c r="A52" s="90"/>
      <c r="B52" s="195">
        <v>18</v>
      </c>
      <c r="C52" s="86" t="s">
        <v>829</v>
      </c>
      <c r="D52" s="43" t="s">
        <v>158</v>
      </c>
      <c r="E52" s="194"/>
    </row>
    <row r="53" spans="1:5" ht="13.5">
      <c r="A53" s="90"/>
      <c r="B53" s="195">
        <v>19</v>
      </c>
      <c r="C53" s="86" t="s">
        <v>334</v>
      </c>
      <c r="D53" s="43" t="s">
        <v>158</v>
      </c>
      <c r="E53" s="194"/>
    </row>
    <row r="54" spans="1:5">
      <c r="A54" s="90"/>
      <c r="B54" s="195">
        <v>20</v>
      </c>
      <c r="C54" s="40" t="s">
        <v>335</v>
      </c>
      <c r="D54" s="43" t="s">
        <v>158</v>
      </c>
      <c r="E54" s="194"/>
    </row>
    <row r="55" spans="1:5" ht="24.75">
      <c r="A55" s="90"/>
      <c r="B55" s="195">
        <v>21</v>
      </c>
      <c r="C55" s="174" t="s">
        <v>830</v>
      </c>
      <c r="D55" s="43" t="s">
        <v>743</v>
      </c>
      <c r="E55" s="174" t="s">
        <v>831</v>
      </c>
    </row>
    <row r="56" spans="1:5">
      <c r="A56" s="91"/>
      <c r="B56" s="196">
        <v>22</v>
      </c>
      <c r="C56" s="356" t="s">
        <v>768</v>
      </c>
      <c r="D56" s="44" t="s">
        <v>158</v>
      </c>
      <c r="E56" s="197"/>
    </row>
    <row r="57" spans="1:5">
      <c r="A57" s="48" t="s">
        <v>159</v>
      </c>
      <c r="B57" s="354"/>
      <c r="C57" s="45"/>
      <c r="D57" s="45"/>
      <c r="E57" s="93"/>
    </row>
    <row r="58" spans="1:5" ht="14.25" customHeight="1">
      <c r="A58" s="91"/>
      <c r="B58" s="357">
        <v>1</v>
      </c>
      <c r="C58" s="97" t="s">
        <v>152</v>
      </c>
      <c r="D58" s="47" t="s">
        <v>158</v>
      </c>
      <c r="E58" s="93"/>
    </row>
    <row r="59" spans="1:5">
      <c r="A59" s="413" t="s">
        <v>1207</v>
      </c>
      <c r="B59" s="414"/>
      <c r="C59" s="415"/>
      <c r="D59" s="416"/>
      <c r="E59" s="417"/>
    </row>
    <row r="60" spans="1:5">
      <c r="A60" s="418" t="s">
        <v>1208</v>
      </c>
      <c r="B60" s="419"/>
      <c r="C60" s="415"/>
      <c r="D60" s="700" t="s">
        <v>1209</v>
      </c>
      <c r="E60" s="692"/>
    </row>
    <row r="61" spans="1:5">
      <c r="A61" s="420"/>
      <c r="B61" s="421"/>
      <c r="C61" s="93"/>
      <c r="D61" s="701"/>
      <c r="E61" s="694"/>
    </row>
    <row r="62" spans="1:5">
      <c r="A62" s="48"/>
      <c r="B62" s="422">
        <v>1</v>
      </c>
      <c r="C62" s="423" t="s">
        <v>1210</v>
      </c>
      <c r="D62" s="424" t="s">
        <v>1211</v>
      </c>
      <c r="E62" s="425" t="s">
        <v>1267</v>
      </c>
    </row>
    <row r="63" spans="1:5" ht="24">
      <c r="A63" s="48"/>
      <c r="B63" s="426">
        <v>2</v>
      </c>
      <c r="C63" s="427" t="s">
        <v>1212</v>
      </c>
      <c r="D63" s="428" t="s">
        <v>1211</v>
      </c>
      <c r="E63" s="95" t="s">
        <v>1213</v>
      </c>
    </row>
    <row r="64" spans="1:5">
      <c r="A64" s="48"/>
      <c r="B64" s="426">
        <v>3</v>
      </c>
      <c r="C64" s="427" t="s">
        <v>1214</v>
      </c>
      <c r="D64" s="428" t="s">
        <v>743</v>
      </c>
      <c r="E64" s="95" t="s">
        <v>1215</v>
      </c>
    </row>
    <row r="65" spans="1:5">
      <c r="A65" s="48"/>
      <c r="B65" s="426">
        <v>4</v>
      </c>
      <c r="C65" s="427" t="s">
        <v>1216</v>
      </c>
      <c r="D65" s="428" t="s">
        <v>1211</v>
      </c>
      <c r="E65" s="95" t="s">
        <v>1217</v>
      </c>
    </row>
    <row r="66" spans="1:5" ht="24">
      <c r="A66" s="48"/>
      <c r="B66" s="429">
        <v>5</v>
      </c>
      <c r="C66" s="430" t="s">
        <v>1218</v>
      </c>
      <c r="D66" s="431" t="s">
        <v>1211</v>
      </c>
      <c r="E66" s="432" t="s">
        <v>1219</v>
      </c>
    </row>
    <row r="67" spans="1:5">
      <c r="A67" s="413" t="s">
        <v>1220</v>
      </c>
      <c r="B67" s="433"/>
      <c r="C67" s="35"/>
      <c r="D67" s="413"/>
      <c r="E67" s="434"/>
    </row>
    <row r="68" spans="1:5">
      <c r="A68" s="48"/>
      <c r="B68" s="435">
        <v>1</v>
      </c>
      <c r="C68" s="436" t="s">
        <v>730</v>
      </c>
      <c r="D68" s="437" t="s">
        <v>1221</v>
      </c>
      <c r="E68" s="438" t="s">
        <v>1222</v>
      </c>
    </row>
    <row r="69" spans="1:5">
      <c r="A69" s="48"/>
      <c r="B69" s="439"/>
      <c r="C69" s="90"/>
      <c r="D69" s="194" t="s">
        <v>1223</v>
      </c>
      <c r="E69" s="440" t="s">
        <v>1224</v>
      </c>
    </row>
    <row r="70" spans="1:5">
      <c r="A70" s="48"/>
      <c r="B70" s="426">
        <v>2</v>
      </c>
      <c r="C70" s="441" t="s">
        <v>730</v>
      </c>
      <c r="D70" s="194" t="s">
        <v>1225</v>
      </c>
      <c r="E70" s="440" t="s">
        <v>1222</v>
      </c>
    </row>
    <row r="71" spans="1:5">
      <c r="A71" s="48"/>
      <c r="B71" s="426">
        <v>3</v>
      </c>
      <c r="C71" s="441" t="s">
        <v>731</v>
      </c>
      <c r="D71" s="194" t="s">
        <v>1268</v>
      </c>
      <c r="E71" s="440" t="s">
        <v>1222</v>
      </c>
    </row>
    <row r="72" spans="1:5" ht="13.5">
      <c r="A72" s="48"/>
      <c r="B72" s="426">
        <v>4</v>
      </c>
      <c r="C72" s="441" t="s">
        <v>731</v>
      </c>
      <c r="D72" s="442" t="s">
        <v>1269</v>
      </c>
      <c r="E72" s="440" t="s">
        <v>1226</v>
      </c>
    </row>
    <row r="73" spans="1:5" ht="27">
      <c r="A73" s="48"/>
      <c r="B73" s="426">
        <v>5</v>
      </c>
      <c r="C73" s="441" t="s">
        <v>731</v>
      </c>
      <c r="D73" s="442" t="s">
        <v>1227</v>
      </c>
      <c r="E73" s="440" t="s">
        <v>1226</v>
      </c>
    </row>
    <row r="74" spans="1:5" ht="13.5">
      <c r="A74" s="48"/>
      <c r="B74" s="426">
        <v>6</v>
      </c>
      <c r="C74" s="441" t="s">
        <v>731</v>
      </c>
      <c r="D74" s="442" t="s">
        <v>1228</v>
      </c>
      <c r="E74" s="440" t="s">
        <v>1226</v>
      </c>
    </row>
    <row r="75" spans="1:5" ht="28.5">
      <c r="A75" s="48"/>
      <c r="B75" s="426">
        <v>7</v>
      </c>
      <c r="C75" s="441" t="s">
        <v>731</v>
      </c>
      <c r="D75" s="443" t="s">
        <v>1229</v>
      </c>
      <c r="E75" s="440" t="s">
        <v>1224</v>
      </c>
    </row>
    <row r="76" spans="1:5" ht="42">
      <c r="A76" s="48"/>
      <c r="B76" s="426">
        <v>8</v>
      </c>
      <c r="C76" s="441"/>
      <c r="D76" s="443" t="s">
        <v>1230</v>
      </c>
      <c r="E76" s="440" t="s">
        <v>1231</v>
      </c>
    </row>
    <row r="77" spans="1:5" ht="14.25">
      <c r="A77" s="48"/>
      <c r="B77" s="426">
        <v>9</v>
      </c>
      <c r="C77" s="441" t="s">
        <v>731</v>
      </c>
      <c r="D77" s="247" t="s">
        <v>1232</v>
      </c>
      <c r="E77" s="440" t="s">
        <v>1231</v>
      </c>
    </row>
    <row r="78" spans="1:5" ht="14.25">
      <c r="A78" s="48"/>
      <c r="B78" s="426">
        <v>10</v>
      </c>
      <c r="C78" s="441" t="s">
        <v>731</v>
      </c>
      <c r="D78" s="247" t="s">
        <v>1233</v>
      </c>
      <c r="E78" s="440" t="s">
        <v>1231</v>
      </c>
    </row>
    <row r="79" spans="1:5" ht="13.5">
      <c r="A79" s="48"/>
      <c r="B79" s="426">
        <v>11</v>
      </c>
      <c r="C79" s="441" t="s">
        <v>731</v>
      </c>
      <c r="D79" s="247" t="s">
        <v>1234</v>
      </c>
      <c r="E79" s="440" t="s">
        <v>1231</v>
      </c>
    </row>
    <row r="80" spans="1:5" ht="27.75">
      <c r="A80" s="48"/>
      <c r="B80" s="426">
        <v>12</v>
      </c>
      <c r="C80" s="441" t="s">
        <v>731</v>
      </c>
      <c r="D80" s="247" t="s">
        <v>1235</v>
      </c>
      <c r="E80" s="440" t="s">
        <v>1231</v>
      </c>
    </row>
    <row r="81" spans="1:5" ht="14.25">
      <c r="A81" s="48"/>
      <c r="B81" s="439">
        <v>13</v>
      </c>
      <c r="C81" s="91" t="s">
        <v>731</v>
      </c>
      <c r="D81" s="444" t="s">
        <v>1236</v>
      </c>
      <c r="E81" s="445" t="s">
        <v>1231</v>
      </c>
    </row>
    <row r="82" spans="1:5">
      <c r="A82" s="413" t="s">
        <v>1237</v>
      </c>
      <c r="B82" s="446"/>
      <c r="C82" s="434"/>
      <c r="D82" s="413"/>
      <c r="E82" s="434"/>
    </row>
    <row r="83" spans="1:5" ht="27.75">
      <c r="A83" s="48"/>
      <c r="B83" s="435">
        <v>1</v>
      </c>
      <c r="C83" s="436"/>
      <c r="D83" s="447" t="s">
        <v>1238</v>
      </c>
      <c r="E83" s="438" t="s">
        <v>1222</v>
      </c>
    </row>
    <row r="84" spans="1:5" ht="13.5">
      <c r="A84" s="48"/>
      <c r="B84" s="426">
        <v>2</v>
      </c>
      <c r="C84" s="441"/>
      <c r="D84" s="442" t="s">
        <v>1239</v>
      </c>
      <c r="E84" s="194" t="s">
        <v>1240</v>
      </c>
    </row>
    <row r="85" spans="1:5" ht="14.25">
      <c r="A85" s="48"/>
      <c r="B85" s="426">
        <v>3</v>
      </c>
      <c r="C85" s="441"/>
      <c r="D85" s="443" t="s">
        <v>1241</v>
      </c>
      <c r="E85" s="440" t="s">
        <v>1224</v>
      </c>
    </row>
    <row r="86" spans="1:5" ht="13.5">
      <c r="A86" s="48"/>
      <c r="B86" s="426">
        <v>4</v>
      </c>
      <c r="C86" s="441"/>
      <c r="D86" s="442" t="s">
        <v>1242</v>
      </c>
      <c r="E86" s="194" t="s">
        <v>1240</v>
      </c>
    </row>
    <row r="87" spans="1:5" ht="13.5">
      <c r="A87" s="48"/>
      <c r="B87" s="426">
        <v>5</v>
      </c>
      <c r="C87" s="441"/>
      <c r="D87" s="443" t="s">
        <v>1243</v>
      </c>
      <c r="E87" s="440" t="s">
        <v>1224</v>
      </c>
    </row>
    <row r="88" spans="1:5" ht="13.5">
      <c r="A88" s="48"/>
      <c r="B88" s="426">
        <v>6</v>
      </c>
      <c r="C88" s="441"/>
      <c r="D88" s="443" t="s">
        <v>1244</v>
      </c>
      <c r="E88" s="194" t="s">
        <v>1245</v>
      </c>
    </row>
    <row r="89" spans="1:5" ht="13.5">
      <c r="A89" s="48"/>
      <c r="B89" s="448">
        <v>7</v>
      </c>
      <c r="C89" s="91"/>
      <c r="D89" s="444" t="s">
        <v>1246</v>
      </c>
      <c r="E89" s="449" t="s">
        <v>1245</v>
      </c>
    </row>
    <row r="90" spans="1:5">
      <c r="A90" s="450" t="s">
        <v>1247</v>
      </c>
      <c r="B90" s="451"/>
      <c r="C90" s="35"/>
      <c r="D90" s="431" t="s">
        <v>1211</v>
      </c>
      <c r="E90" s="452"/>
    </row>
    <row r="91" spans="1:5" ht="47.25" customHeight="1">
      <c r="A91" s="450" t="s">
        <v>1248</v>
      </c>
      <c r="B91" s="453"/>
      <c r="C91" s="454"/>
      <c r="D91" s="446" t="s">
        <v>1249</v>
      </c>
      <c r="E91" s="455" t="s">
        <v>1250</v>
      </c>
    </row>
    <row r="92" spans="1:5" ht="14.25">
      <c r="A92" s="413" t="s">
        <v>1270</v>
      </c>
      <c r="B92" s="456"/>
      <c r="C92" s="454"/>
      <c r="D92" s="325"/>
      <c r="E92" s="434"/>
    </row>
    <row r="93" spans="1:5" ht="24.75">
      <c r="A93" s="48"/>
      <c r="B93" s="435">
        <v>1</v>
      </c>
      <c r="C93" s="436"/>
      <c r="D93" s="457" t="s">
        <v>1252</v>
      </c>
      <c r="E93" s="438" t="s">
        <v>1231</v>
      </c>
    </row>
    <row r="94" spans="1:5">
      <c r="A94" s="48"/>
      <c r="B94" s="426">
        <v>2</v>
      </c>
      <c r="C94" s="441"/>
      <c r="D94" s="458" t="s">
        <v>1271</v>
      </c>
      <c r="E94" s="440" t="s">
        <v>1231</v>
      </c>
    </row>
    <row r="95" spans="1:5" ht="27.75">
      <c r="A95" s="48"/>
      <c r="B95" s="426">
        <v>3</v>
      </c>
      <c r="C95" s="441"/>
      <c r="D95" s="247" t="s">
        <v>1272</v>
      </c>
      <c r="E95" s="440" t="s">
        <v>1231</v>
      </c>
    </row>
    <row r="96" spans="1:5">
      <c r="A96" s="48"/>
      <c r="B96" s="426">
        <v>4</v>
      </c>
      <c r="C96" s="441"/>
      <c r="D96" s="458" t="s">
        <v>1254</v>
      </c>
      <c r="E96" s="440" t="s">
        <v>1231</v>
      </c>
    </row>
    <row r="97" spans="1:5">
      <c r="A97" s="48"/>
      <c r="B97" s="426">
        <v>5</v>
      </c>
      <c r="C97" s="441"/>
      <c r="D97" s="458" t="s">
        <v>1255</v>
      </c>
      <c r="E97" s="440" t="s">
        <v>1231</v>
      </c>
    </row>
    <row r="98" spans="1:5">
      <c r="A98" s="48"/>
      <c r="B98" s="426">
        <v>6</v>
      </c>
      <c r="C98" s="441"/>
      <c r="D98" s="458" t="s">
        <v>1256</v>
      </c>
      <c r="E98" s="440" t="s">
        <v>1231</v>
      </c>
    </row>
    <row r="99" spans="1:5" ht="12.75" customHeight="1">
      <c r="A99" s="48"/>
      <c r="B99" s="426">
        <v>7</v>
      </c>
      <c r="C99" s="441"/>
      <c r="D99" s="458" t="s">
        <v>1257</v>
      </c>
      <c r="E99" s="440" t="s">
        <v>1231</v>
      </c>
    </row>
    <row r="100" spans="1:5" ht="27.75" customHeight="1">
      <c r="A100" s="48"/>
      <c r="B100" s="426">
        <v>8</v>
      </c>
      <c r="C100" s="441"/>
      <c r="D100" s="458" t="s">
        <v>1258</v>
      </c>
      <c r="E100" s="194" t="s">
        <v>1259</v>
      </c>
    </row>
    <row r="101" spans="1:5" ht="36" customHeight="1">
      <c r="A101" s="459"/>
      <c r="B101" s="448">
        <v>9</v>
      </c>
      <c r="C101" s="91"/>
      <c r="D101" s="460" t="s">
        <v>1260</v>
      </c>
      <c r="E101" s="449" t="s">
        <v>1259</v>
      </c>
    </row>
    <row r="102" spans="1:5">
      <c r="B102" s="193"/>
    </row>
    <row r="103" spans="1:5">
      <c r="B103" s="193"/>
    </row>
    <row r="104" spans="1:5">
      <c r="B104" s="193"/>
    </row>
    <row r="105" spans="1:5">
      <c r="B105" s="193"/>
    </row>
    <row r="106" spans="1:5">
      <c r="B106" s="193"/>
    </row>
    <row r="107" spans="1:5">
      <c r="B107" s="193"/>
    </row>
    <row r="108" spans="1:5">
      <c r="B108" s="193"/>
    </row>
    <row r="109" spans="1:5">
      <c r="B109" s="193"/>
    </row>
    <row r="110" spans="1:5">
      <c r="B110" s="193"/>
    </row>
    <row r="111" spans="1:5">
      <c r="B111" s="193"/>
    </row>
    <row r="112" spans="1:5">
      <c r="B112" s="193"/>
    </row>
    <row r="113" spans="2:2">
      <c r="B113" s="193"/>
    </row>
    <row r="114" spans="2:2">
      <c r="B114" s="193"/>
    </row>
    <row r="115" spans="2:2">
      <c r="B115" s="193"/>
    </row>
  </sheetData>
  <sheetProtection password="E0C6" sheet="1" objects="1" scenarios="1"/>
  <mergeCells count="2">
    <mergeCell ref="B7:B8"/>
    <mergeCell ref="D60:E61"/>
  </mergeCells>
  <phoneticPr fontId="6"/>
  <printOptions horizontalCentered="1"/>
  <pageMargins left="0.59055118110236227" right="0.59055118110236227" top="0.78740157480314965" bottom="0.59055118110236227" header="0.31496062992125984" footer="0.31496062992125984"/>
  <pageSetup paperSize="9" scale="88" orientation="portrait" r:id="rId1"/>
  <rowBreaks count="1" manualBreakCount="1">
    <brk id="58" max="4"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D88"/>
  <sheetViews>
    <sheetView showGridLines="0" view="pageBreakPreview" zoomScaleNormal="85" zoomScaleSheetLayoutView="100" workbookViewId="0"/>
  </sheetViews>
  <sheetFormatPr defaultColWidth="1.5703125" defaultRowHeight="12.75"/>
  <cols>
    <col min="1" max="2" width="4.140625" style="36" customWidth="1"/>
    <col min="3" max="4" width="48.28515625" style="36" customWidth="1"/>
    <col min="5" max="16384" width="1.5703125" style="36"/>
  </cols>
  <sheetData>
    <row r="1" spans="1:4">
      <c r="A1" s="35"/>
      <c r="B1" s="35"/>
      <c r="C1" s="34"/>
      <c r="D1" s="344" t="s">
        <v>1279</v>
      </c>
    </row>
    <row r="2" spans="1:4" ht="15.75">
      <c r="A2" s="33" t="s">
        <v>748</v>
      </c>
      <c r="B2" s="33"/>
      <c r="C2" s="34"/>
      <c r="D2" s="35"/>
    </row>
    <row r="3" spans="1:4">
      <c r="A3" s="35"/>
      <c r="B3" s="35"/>
      <c r="C3" s="34"/>
      <c r="D3" s="35"/>
    </row>
    <row r="4" spans="1:4" ht="13.5" thickBot="1">
      <c r="A4" s="345"/>
      <c r="B4" s="346" t="s">
        <v>309</v>
      </c>
      <c r="C4" s="347" t="s">
        <v>1280</v>
      </c>
      <c r="D4" s="346" t="s">
        <v>749</v>
      </c>
    </row>
    <row r="5" spans="1:4" s="49" customFormat="1" ht="13.5" thickTop="1">
      <c r="A5" s="57" t="s">
        <v>750</v>
      </c>
      <c r="B5" s="348"/>
      <c r="C5" s="349" t="s">
        <v>1281</v>
      </c>
      <c r="D5" s="350"/>
    </row>
    <row r="6" spans="1:4" s="49" customFormat="1">
      <c r="A6" s="54"/>
      <c r="B6" s="351">
        <v>1</v>
      </c>
      <c r="C6" s="96" t="s">
        <v>751</v>
      </c>
      <c r="D6" s="198" t="s">
        <v>777</v>
      </c>
    </row>
    <row r="7" spans="1:4" s="49" customFormat="1">
      <c r="A7" s="54"/>
      <c r="B7" s="352">
        <v>2</v>
      </c>
      <c r="C7" s="353" t="s">
        <v>931</v>
      </c>
      <c r="D7" s="174" t="s">
        <v>777</v>
      </c>
    </row>
    <row r="8" spans="1:4" s="49" customFormat="1">
      <c r="A8" s="54"/>
      <c r="B8" s="195">
        <v>3</v>
      </c>
      <c r="C8" s="40" t="s">
        <v>778</v>
      </c>
      <c r="D8" s="174" t="s">
        <v>779</v>
      </c>
    </row>
    <row r="9" spans="1:4" s="49" customFormat="1">
      <c r="A9" s="54"/>
      <c r="B9" s="195">
        <v>4</v>
      </c>
      <c r="C9" s="40" t="s">
        <v>1282</v>
      </c>
      <c r="D9" s="174" t="s">
        <v>781</v>
      </c>
    </row>
    <row r="10" spans="1:4" s="49" customFormat="1" ht="38.25">
      <c r="A10" s="55"/>
      <c r="B10" s="196">
        <v>5</v>
      </c>
      <c r="C10" s="92" t="s">
        <v>782</v>
      </c>
      <c r="D10" s="197" t="s">
        <v>783</v>
      </c>
    </row>
    <row r="11" spans="1:4" s="49" customFormat="1">
      <c r="A11" s="57" t="s">
        <v>752</v>
      </c>
      <c r="B11" s="354"/>
      <c r="C11" s="45" t="s">
        <v>1283</v>
      </c>
      <c r="D11" s="97"/>
    </row>
    <row r="12" spans="1:4" s="49" customFormat="1">
      <c r="A12" s="54"/>
      <c r="B12" s="43">
        <v>1</v>
      </c>
      <c r="C12" s="96" t="s">
        <v>1284</v>
      </c>
      <c r="D12" s="198" t="s">
        <v>784</v>
      </c>
    </row>
    <row r="13" spans="1:4" s="49" customFormat="1" ht="25.5">
      <c r="A13" s="54"/>
      <c r="B13" s="195">
        <v>2</v>
      </c>
      <c r="C13" s="40" t="s">
        <v>1285</v>
      </c>
      <c r="D13" s="174" t="s">
        <v>785</v>
      </c>
    </row>
    <row r="14" spans="1:4" s="49" customFormat="1">
      <c r="A14" s="55"/>
      <c r="B14" s="196">
        <v>3</v>
      </c>
      <c r="C14" s="92" t="s">
        <v>1286</v>
      </c>
      <c r="D14" s="197" t="s">
        <v>777</v>
      </c>
    </row>
    <row r="15" spans="1:4" s="49" customFormat="1">
      <c r="A15" s="57" t="s">
        <v>786</v>
      </c>
      <c r="B15" s="354"/>
      <c r="C15" s="45"/>
      <c r="D15" s="97"/>
    </row>
    <row r="16" spans="1:4" s="49" customFormat="1">
      <c r="A16" s="54"/>
      <c r="B16" s="43">
        <v>1</v>
      </c>
      <c r="C16" s="96" t="s">
        <v>787</v>
      </c>
      <c r="D16" s="96" t="s">
        <v>753</v>
      </c>
    </row>
    <row r="17" spans="1:4" s="49" customFormat="1">
      <c r="A17" s="54"/>
      <c r="B17" s="195">
        <v>2</v>
      </c>
      <c r="C17" s="40" t="s">
        <v>754</v>
      </c>
      <c r="D17" s="40" t="s">
        <v>788</v>
      </c>
    </row>
    <row r="18" spans="1:4" s="49" customFormat="1">
      <c r="A18" s="54"/>
      <c r="B18" s="195">
        <v>3</v>
      </c>
      <c r="C18" s="40" t="s">
        <v>789</v>
      </c>
      <c r="D18" s="40" t="s">
        <v>1287</v>
      </c>
    </row>
    <row r="19" spans="1:4" s="49" customFormat="1">
      <c r="A19" s="54"/>
      <c r="B19" s="195">
        <v>4</v>
      </c>
      <c r="C19" s="40" t="s">
        <v>755</v>
      </c>
      <c r="D19" s="40" t="s">
        <v>790</v>
      </c>
    </row>
    <row r="20" spans="1:4" s="49" customFormat="1">
      <c r="A20" s="54"/>
      <c r="B20" s="195">
        <v>5</v>
      </c>
      <c r="C20" s="40" t="s">
        <v>756</v>
      </c>
      <c r="D20" s="40" t="s">
        <v>791</v>
      </c>
    </row>
    <row r="21" spans="1:4" s="49" customFormat="1">
      <c r="A21" s="54"/>
      <c r="B21" s="195">
        <v>6</v>
      </c>
      <c r="C21" s="40" t="s">
        <v>792</v>
      </c>
      <c r="D21" s="40" t="s">
        <v>793</v>
      </c>
    </row>
    <row r="22" spans="1:4" s="49" customFormat="1">
      <c r="A22" s="54"/>
      <c r="B22" s="195">
        <v>7</v>
      </c>
      <c r="C22" s="40" t="s">
        <v>794</v>
      </c>
      <c r="D22" s="40" t="s">
        <v>795</v>
      </c>
    </row>
    <row r="23" spans="1:4" s="49" customFormat="1">
      <c r="A23" s="54"/>
      <c r="B23" s="195">
        <v>8</v>
      </c>
      <c r="C23" s="40" t="s">
        <v>796</v>
      </c>
      <c r="D23" s="40" t="s">
        <v>753</v>
      </c>
    </row>
    <row r="24" spans="1:4" s="49" customFormat="1">
      <c r="A24" s="54"/>
      <c r="B24" s="195">
        <v>9</v>
      </c>
      <c r="C24" s="40" t="s">
        <v>1288</v>
      </c>
      <c r="D24" s="40" t="s">
        <v>797</v>
      </c>
    </row>
    <row r="25" spans="1:4" s="49" customFormat="1">
      <c r="A25" s="54"/>
      <c r="B25" s="195">
        <v>10</v>
      </c>
      <c r="C25" s="40" t="s">
        <v>1289</v>
      </c>
      <c r="D25" s="40" t="s">
        <v>798</v>
      </c>
    </row>
    <row r="26" spans="1:4" s="49" customFormat="1">
      <c r="A26" s="54"/>
      <c r="B26" s="195">
        <v>11</v>
      </c>
      <c r="C26" s="40" t="s">
        <v>799</v>
      </c>
      <c r="D26" s="40" t="s">
        <v>795</v>
      </c>
    </row>
    <row r="27" spans="1:4" s="49" customFormat="1">
      <c r="A27" s="54"/>
      <c r="B27" s="195">
        <v>12</v>
      </c>
      <c r="C27" s="40" t="s">
        <v>757</v>
      </c>
      <c r="D27" s="40" t="s">
        <v>800</v>
      </c>
    </row>
    <row r="28" spans="1:4" s="49" customFormat="1">
      <c r="A28" s="54"/>
      <c r="B28" s="195">
        <v>13</v>
      </c>
      <c r="C28" s="40" t="s">
        <v>758</v>
      </c>
      <c r="D28" s="40" t="s">
        <v>800</v>
      </c>
    </row>
    <row r="29" spans="1:4" s="49" customFormat="1">
      <c r="A29" s="55"/>
      <c r="B29" s="196">
        <v>14</v>
      </c>
      <c r="C29" s="92" t="s">
        <v>1290</v>
      </c>
      <c r="D29" s="92" t="s">
        <v>801</v>
      </c>
    </row>
    <row r="30" spans="1:4" s="49" customFormat="1">
      <c r="A30" s="57" t="s">
        <v>802</v>
      </c>
      <c r="B30" s="354"/>
      <c r="C30" s="45"/>
      <c r="D30" s="97"/>
    </row>
    <row r="31" spans="1:4" s="49" customFormat="1">
      <c r="A31" s="54"/>
      <c r="B31" s="43">
        <v>1</v>
      </c>
      <c r="C31" s="470" t="s">
        <v>1302</v>
      </c>
      <c r="D31" s="96" t="s">
        <v>310</v>
      </c>
    </row>
    <row r="32" spans="1:4" s="49" customFormat="1">
      <c r="A32" s="54"/>
      <c r="B32" s="195">
        <v>2</v>
      </c>
      <c r="C32" s="40" t="s">
        <v>1291</v>
      </c>
      <c r="D32" s="40" t="s">
        <v>795</v>
      </c>
    </row>
    <row r="33" spans="1:4" s="49" customFormat="1">
      <c r="A33" s="54"/>
      <c r="B33" s="195">
        <v>3</v>
      </c>
      <c r="C33" s="40" t="s">
        <v>803</v>
      </c>
      <c r="D33" s="40" t="s">
        <v>1</v>
      </c>
    </row>
    <row r="34" spans="1:4" s="49" customFormat="1" ht="25.5">
      <c r="A34" s="54"/>
      <c r="B34" s="195">
        <v>4</v>
      </c>
      <c r="C34" s="40" t="s">
        <v>804</v>
      </c>
      <c r="D34" s="40" t="s">
        <v>805</v>
      </c>
    </row>
    <row r="35" spans="1:4" s="49" customFormat="1" ht="36">
      <c r="A35" s="54"/>
      <c r="B35" s="195">
        <v>5</v>
      </c>
      <c r="C35" s="40" t="s">
        <v>759</v>
      </c>
      <c r="D35" s="355" t="s">
        <v>760</v>
      </c>
    </row>
    <row r="36" spans="1:4" s="49" customFormat="1">
      <c r="A36" s="54"/>
      <c r="B36" s="195">
        <v>6</v>
      </c>
      <c r="C36" s="40" t="s">
        <v>806</v>
      </c>
      <c r="D36" s="40" t="s">
        <v>807</v>
      </c>
    </row>
    <row r="37" spans="1:4" s="49" customFormat="1">
      <c r="A37" s="54"/>
      <c r="B37" s="195">
        <v>7</v>
      </c>
      <c r="C37" s="40" t="s">
        <v>808</v>
      </c>
      <c r="D37" s="40" t="s">
        <v>809</v>
      </c>
    </row>
    <row r="38" spans="1:4" s="49" customFormat="1">
      <c r="A38" s="54"/>
      <c r="B38" s="195">
        <v>8</v>
      </c>
      <c r="C38" s="40" t="s">
        <v>761</v>
      </c>
      <c r="D38" s="40" t="s">
        <v>762</v>
      </c>
    </row>
    <row r="39" spans="1:4" s="49" customFormat="1">
      <c r="A39" s="54"/>
      <c r="B39" s="195">
        <v>9</v>
      </c>
      <c r="C39" s="40" t="s">
        <v>763</v>
      </c>
      <c r="D39" s="40" t="s">
        <v>810</v>
      </c>
    </row>
    <row r="40" spans="1:4" s="49" customFormat="1">
      <c r="A40" s="54"/>
      <c r="B40" s="195">
        <v>10</v>
      </c>
      <c r="C40" s="40" t="s">
        <v>811</v>
      </c>
      <c r="D40" s="40" t="s">
        <v>795</v>
      </c>
    </row>
    <row r="41" spans="1:4" s="49" customFormat="1">
      <c r="A41" s="54"/>
      <c r="B41" s="195">
        <v>11</v>
      </c>
      <c r="C41" s="40" t="s">
        <v>764</v>
      </c>
      <c r="D41" s="40" t="s">
        <v>800</v>
      </c>
    </row>
    <row r="42" spans="1:4" s="49" customFormat="1">
      <c r="A42" s="54"/>
      <c r="B42" s="195">
        <v>12</v>
      </c>
      <c r="C42" s="40" t="s">
        <v>812</v>
      </c>
      <c r="D42" s="40" t="s">
        <v>800</v>
      </c>
    </row>
    <row r="43" spans="1:4" s="49" customFormat="1">
      <c r="A43" s="54"/>
      <c r="B43" s="195">
        <v>13</v>
      </c>
      <c r="C43" s="355" t="s">
        <v>765</v>
      </c>
      <c r="D43" s="40" t="s">
        <v>800</v>
      </c>
    </row>
    <row r="44" spans="1:4" s="49" customFormat="1">
      <c r="A44" s="54"/>
      <c r="B44" s="195">
        <v>14</v>
      </c>
      <c r="C44" s="40" t="s">
        <v>813</v>
      </c>
      <c r="D44" s="40" t="s">
        <v>795</v>
      </c>
    </row>
    <row r="45" spans="1:4" s="49" customFormat="1">
      <c r="A45" s="54"/>
      <c r="B45" s="195">
        <v>15</v>
      </c>
      <c r="C45" s="355" t="s">
        <v>814</v>
      </c>
      <c r="D45" s="40" t="s">
        <v>815</v>
      </c>
    </row>
    <row r="46" spans="1:4" s="49" customFormat="1">
      <c r="A46" s="54"/>
      <c r="B46" s="195">
        <v>16</v>
      </c>
      <c r="C46" s="40" t="s">
        <v>766</v>
      </c>
      <c r="D46" s="40" t="s">
        <v>767</v>
      </c>
    </row>
    <row r="47" spans="1:4" s="49" customFormat="1">
      <c r="A47" s="54"/>
      <c r="B47" s="195">
        <v>17</v>
      </c>
      <c r="C47" s="40" t="s">
        <v>932</v>
      </c>
      <c r="D47" s="40" t="s">
        <v>816</v>
      </c>
    </row>
    <row r="48" spans="1:4" s="49" customFormat="1">
      <c r="A48" s="54"/>
      <c r="B48" s="195">
        <v>18</v>
      </c>
      <c r="C48" s="40" t="s">
        <v>817</v>
      </c>
      <c r="D48" s="40" t="s">
        <v>818</v>
      </c>
    </row>
    <row r="49" spans="1:4" s="49" customFormat="1">
      <c r="A49" s="54"/>
      <c r="B49" s="195">
        <v>19</v>
      </c>
      <c r="C49" s="40" t="s">
        <v>1292</v>
      </c>
      <c r="D49" s="40" t="s">
        <v>818</v>
      </c>
    </row>
    <row r="50" spans="1:4" s="49" customFormat="1">
      <c r="A50" s="54"/>
      <c r="B50" s="195">
        <v>20</v>
      </c>
      <c r="C50" s="40" t="s">
        <v>819</v>
      </c>
      <c r="D50" s="40" t="s">
        <v>820</v>
      </c>
    </row>
    <row r="51" spans="1:4" s="49" customFormat="1">
      <c r="A51" s="55"/>
      <c r="B51" s="196">
        <v>21</v>
      </c>
      <c r="C51" s="356" t="s">
        <v>768</v>
      </c>
      <c r="D51" s="92" t="s">
        <v>821</v>
      </c>
    </row>
    <row r="52" spans="1:4" s="49" customFormat="1">
      <c r="A52" s="57" t="s">
        <v>769</v>
      </c>
      <c r="B52" s="354"/>
      <c r="C52" s="45"/>
      <c r="D52" s="97"/>
    </row>
    <row r="53" spans="1:4" s="49" customFormat="1">
      <c r="A53" s="55"/>
      <c r="B53" s="357">
        <v>1</v>
      </c>
      <c r="C53" s="97" t="s">
        <v>822</v>
      </c>
      <c r="D53" s="97" t="s">
        <v>770</v>
      </c>
    </row>
    <row r="54" spans="1:4" s="49" customFormat="1"/>
    <row r="55" spans="1:4" s="49" customFormat="1">
      <c r="A55" s="49" t="s">
        <v>823</v>
      </c>
    </row>
    <row r="56" spans="1:4" s="49" customFormat="1">
      <c r="A56" s="413" t="s">
        <v>1273</v>
      </c>
      <c r="B56" s="415"/>
      <c r="C56" s="415"/>
      <c r="D56" s="417"/>
    </row>
    <row r="57" spans="1:4" s="49" customFormat="1">
      <c r="A57" s="48" t="s">
        <v>1220</v>
      </c>
      <c r="B57" s="53"/>
      <c r="C57" s="53"/>
      <c r="D57" s="461"/>
    </row>
    <row r="58" spans="1:4" s="49" customFormat="1">
      <c r="A58" s="57"/>
      <c r="B58" s="422">
        <v>1</v>
      </c>
      <c r="C58" s="437" t="s">
        <v>1274</v>
      </c>
      <c r="D58" s="198" t="s">
        <v>753</v>
      </c>
    </row>
    <row r="59" spans="1:4">
      <c r="A59" s="57"/>
      <c r="B59" s="462">
        <v>2</v>
      </c>
      <c r="C59" s="194" t="s">
        <v>1225</v>
      </c>
      <c r="D59" s="463" t="s">
        <v>732</v>
      </c>
    </row>
    <row r="60" spans="1:4">
      <c r="A60" s="57"/>
      <c r="B60" s="462">
        <v>3</v>
      </c>
      <c r="C60" s="194" t="s">
        <v>1293</v>
      </c>
      <c r="D60" s="463" t="s">
        <v>1275</v>
      </c>
    </row>
    <row r="61" spans="1:4" ht="13.5">
      <c r="A61" s="48"/>
      <c r="B61" s="462">
        <v>4</v>
      </c>
      <c r="C61" s="442" t="s">
        <v>1269</v>
      </c>
      <c r="D61" s="174" t="s">
        <v>795</v>
      </c>
    </row>
    <row r="62" spans="1:4" ht="13.5">
      <c r="A62" s="48"/>
      <c r="B62" s="462">
        <v>5</v>
      </c>
      <c r="C62" s="442" t="s">
        <v>1227</v>
      </c>
      <c r="D62" s="174" t="s">
        <v>800</v>
      </c>
    </row>
    <row r="63" spans="1:4" ht="13.5">
      <c r="A63" s="48"/>
      <c r="B63" s="462">
        <v>6</v>
      </c>
      <c r="C63" s="442" t="s">
        <v>1228</v>
      </c>
      <c r="D63" s="174" t="s">
        <v>1276</v>
      </c>
    </row>
    <row r="64" spans="1:4" ht="14.25">
      <c r="A64" s="48"/>
      <c r="B64" s="462">
        <v>7</v>
      </c>
      <c r="C64" s="443" t="s">
        <v>1229</v>
      </c>
      <c r="D64" s="441" t="s">
        <v>1277</v>
      </c>
    </row>
    <row r="65" spans="1:4" ht="14.25">
      <c r="A65" s="48"/>
      <c r="B65" s="462">
        <v>8</v>
      </c>
      <c r="C65" s="443" t="s">
        <v>1230</v>
      </c>
      <c r="D65" s="441" t="s">
        <v>1277</v>
      </c>
    </row>
    <row r="66" spans="1:4" ht="14.25">
      <c r="A66" s="48"/>
      <c r="B66" s="462">
        <v>9</v>
      </c>
      <c r="C66" s="247" t="s">
        <v>1232</v>
      </c>
      <c r="D66" s="441" t="s">
        <v>1277</v>
      </c>
    </row>
    <row r="67" spans="1:4" ht="14.25">
      <c r="A67" s="48"/>
      <c r="B67" s="462">
        <v>10</v>
      </c>
      <c r="C67" s="247" t="s">
        <v>1233</v>
      </c>
      <c r="D67" s="441" t="s">
        <v>1277</v>
      </c>
    </row>
    <row r="68" spans="1:4" ht="13.5">
      <c r="A68" s="48"/>
      <c r="B68" s="462">
        <v>11</v>
      </c>
      <c r="C68" s="247" t="s">
        <v>1234</v>
      </c>
      <c r="D68" s="441" t="s">
        <v>1277</v>
      </c>
    </row>
    <row r="69" spans="1:4" ht="14.25">
      <c r="A69" s="48"/>
      <c r="B69" s="462">
        <v>12</v>
      </c>
      <c r="C69" s="247" t="s">
        <v>1235</v>
      </c>
      <c r="D69" s="441" t="s">
        <v>1277</v>
      </c>
    </row>
    <row r="70" spans="1:4" ht="14.25">
      <c r="A70" s="48"/>
      <c r="B70" s="464">
        <v>13</v>
      </c>
      <c r="C70" s="444" t="s">
        <v>1236</v>
      </c>
      <c r="D70" s="441" t="s">
        <v>1277</v>
      </c>
    </row>
    <row r="71" spans="1:4">
      <c r="A71" s="413" t="s">
        <v>1237</v>
      </c>
      <c r="B71" s="35"/>
      <c r="C71" s="35"/>
      <c r="D71" s="452"/>
    </row>
    <row r="72" spans="1:4" ht="14.25">
      <c r="A72" s="48"/>
      <c r="B72" s="465">
        <v>1</v>
      </c>
      <c r="C72" s="447" t="s">
        <v>1238</v>
      </c>
      <c r="D72" s="198" t="s">
        <v>795</v>
      </c>
    </row>
    <row r="73" spans="1:4" ht="13.5">
      <c r="A73" s="48"/>
      <c r="B73" s="466">
        <v>2</v>
      </c>
      <c r="C73" s="442" t="s">
        <v>1239</v>
      </c>
      <c r="D73" s="441" t="s">
        <v>1278</v>
      </c>
    </row>
    <row r="74" spans="1:4" ht="14.25">
      <c r="A74" s="48"/>
      <c r="B74" s="466">
        <v>3</v>
      </c>
      <c r="C74" s="443" t="s">
        <v>1241</v>
      </c>
      <c r="D74" s="441" t="s">
        <v>1278</v>
      </c>
    </row>
    <row r="75" spans="1:4" ht="13.5">
      <c r="A75" s="48"/>
      <c r="B75" s="466">
        <v>4</v>
      </c>
      <c r="C75" s="442" t="s">
        <v>1242</v>
      </c>
      <c r="D75" s="441" t="s">
        <v>1278</v>
      </c>
    </row>
    <row r="76" spans="1:4" ht="13.5">
      <c r="A76" s="48"/>
      <c r="B76" s="466">
        <v>5</v>
      </c>
      <c r="C76" s="443" t="s">
        <v>1243</v>
      </c>
      <c r="D76" s="441" t="s">
        <v>1278</v>
      </c>
    </row>
    <row r="77" spans="1:4" ht="13.5">
      <c r="A77" s="48"/>
      <c r="B77" s="466">
        <v>6</v>
      </c>
      <c r="C77" s="443" t="s">
        <v>1244</v>
      </c>
      <c r="D77" s="441" t="s">
        <v>1278</v>
      </c>
    </row>
    <row r="78" spans="1:4" ht="13.5">
      <c r="A78" s="48"/>
      <c r="B78" s="467">
        <v>7</v>
      </c>
      <c r="C78" s="444" t="s">
        <v>1246</v>
      </c>
      <c r="D78" s="441" t="s">
        <v>1278</v>
      </c>
    </row>
    <row r="79" spans="1:4">
      <c r="A79" s="413" t="s">
        <v>1251</v>
      </c>
      <c r="B79" s="35"/>
      <c r="C79" s="35"/>
      <c r="D79" s="452"/>
    </row>
    <row r="80" spans="1:4">
      <c r="A80" s="48"/>
      <c r="B80" s="465">
        <v>1</v>
      </c>
      <c r="C80" s="457" t="s">
        <v>1252</v>
      </c>
      <c r="D80" s="468" t="s">
        <v>1278</v>
      </c>
    </row>
    <row r="81" spans="1:4">
      <c r="A81" s="48"/>
      <c r="B81" s="466">
        <v>2</v>
      </c>
      <c r="C81" s="458" t="s">
        <v>1271</v>
      </c>
      <c r="D81" s="468" t="s">
        <v>1278</v>
      </c>
    </row>
    <row r="82" spans="1:4" ht="14.25">
      <c r="A82" s="48"/>
      <c r="B82" s="466">
        <v>3</v>
      </c>
      <c r="C82" s="247" t="s">
        <v>1253</v>
      </c>
      <c r="D82" s="468" t="s">
        <v>1278</v>
      </c>
    </row>
    <row r="83" spans="1:4">
      <c r="A83" s="48"/>
      <c r="B83" s="466">
        <v>4</v>
      </c>
      <c r="C83" s="458" t="s">
        <v>1254</v>
      </c>
      <c r="D83" s="468" t="s">
        <v>1278</v>
      </c>
    </row>
    <row r="84" spans="1:4">
      <c r="A84" s="48"/>
      <c r="B84" s="466">
        <v>5</v>
      </c>
      <c r="C84" s="458" t="s">
        <v>1255</v>
      </c>
      <c r="D84" s="468" t="s">
        <v>1278</v>
      </c>
    </row>
    <row r="85" spans="1:4">
      <c r="A85" s="48"/>
      <c r="B85" s="466">
        <v>6</v>
      </c>
      <c r="C85" s="458" t="s">
        <v>1256</v>
      </c>
      <c r="D85" s="468" t="s">
        <v>1278</v>
      </c>
    </row>
    <row r="86" spans="1:4">
      <c r="A86" s="48"/>
      <c r="B86" s="466">
        <v>7</v>
      </c>
      <c r="C86" s="458" t="s">
        <v>1257</v>
      </c>
      <c r="D86" s="468" t="s">
        <v>1278</v>
      </c>
    </row>
    <row r="87" spans="1:4">
      <c r="A87" s="48"/>
      <c r="B87" s="466">
        <v>8</v>
      </c>
      <c r="C87" s="458" t="s">
        <v>1258</v>
      </c>
      <c r="D87" s="468" t="s">
        <v>1278</v>
      </c>
    </row>
    <row r="88" spans="1:4">
      <c r="A88" s="459"/>
      <c r="B88" s="467">
        <v>9</v>
      </c>
      <c r="C88" s="460" t="s">
        <v>1260</v>
      </c>
      <c r="D88" s="468" t="s">
        <v>1278</v>
      </c>
    </row>
  </sheetData>
  <sheetProtection password="E0C6" sheet="1" objects="1" scenarios="1"/>
  <phoneticPr fontId="6"/>
  <printOptions horizontalCentered="1"/>
  <pageMargins left="0.78740157480314965" right="0.78740157480314965" top="0.98425196850393704" bottom="0.78740157480314965" header="0.31496062992125984" footer="0.31496062992125984"/>
  <pageSetup paperSize="9" scale="90" orientation="portrait" r:id="rId1"/>
  <rowBreaks count="1" manualBreakCount="1">
    <brk id="55" max="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13</vt:i4>
      </vt:variant>
    </vt:vector>
  </HeadingPairs>
  <TitlesOfParts>
    <vt:vector size="22" baseType="lpstr">
      <vt:lpstr>Note</vt:lpstr>
      <vt:lpstr>A.RoHS</vt:lpstr>
      <vt:lpstr>B.Others</vt:lpstr>
      <vt:lpstr>A (appendix). RoHS</vt:lpstr>
      <vt:lpstr>B (appendix). Others</vt:lpstr>
      <vt:lpstr>C. Device</vt:lpstr>
      <vt:lpstr>C (appendix).Device</vt:lpstr>
      <vt:lpstr>Revision Point</vt:lpstr>
      <vt:lpstr>Reference Reg.</vt:lpstr>
      <vt:lpstr>A.RoHS!Print_Area</vt:lpstr>
      <vt:lpstr>'B (appendix). Others'!Print_Area</vt:lpstr>
      <vt:lpstr>B.Others!Print_Area</vt:lpstr>
      <vt:lpstr>'C (appendix).Device'!Print_Area</vt:lpstr>
      <vt:lpstr>'C. Device'!Print_Area</vt:lpstr>
      <vt:lpstr>Note!Print_Area</vt:lpstr>
      <vt:lpstr>'Reference Reg.'!Print_Area</vt:lpstr>
      <vt:lpstr>'Revision Point'!Print_Area</vt:lpstr>
      <vt:lpstr>'A (appendix). RoHS'!Print_Titles</vt:lpstr>
      <vt:lpstr>A.RoHS!Print_Titles</vt:lpstr>
      <vt:lpstr>'B (appendix). Others'!Print_Titles</vt:lpstr>
      <vt:lpstr>B.Others!Print_Titles</vt:lpstr>
      <vt:lpstr>'C (appendix).Device'!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安田剛郎/主事</dc:creator>
  <cp:lastModifiedBy>Administrator</cp:lastModifiedBy>
  <cp:lastPrinted>2018-06-25T06:10:01Z</cp:lastPrinted>
  <dcterms:created xsi:type="dcterms:W3CDTF">2014-03-28T07:32:07Z</dcterms:created>
  <dcterms:modified xsi:type="dcterms:W3CDTF">2018-07-09T05:13:13Z</dcterms:modified>
</cp:coreProperties>
</file>